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1" r:id="rId5"/>
    <p:sldMasterId id="2147483809" r:id="rId6"/>
  </p:sldMasterIdLst>
  <p:notesMasterIdLst>
    <p:notesMasterId r:id="rId21"/>
  </p:notesMasterIdLst>
  <p:sldIdLst>
    <p:sldId id="341" r:id="rId7"/>
    <p:sldId id="945" r:id="rId8"/>
    <p:sldId id="985" r:id="rId9"/>
    <p:sldId id="257" r:id="rId10"/>
    <p:sldId id="972" r:id="rId11"/>
    <p:sldId id="973" r:id="rId12"/>
    <p:sldId id="974" r:id="rId13"/>
    <p:sldId id="975" r:id="rId14"/>
    <p:sldId id="977" r:id="rId15"/>
    <p:sldId id="986" r:id="rId16"/>
    <p:sldId id="987" r:id="rId17"/>
    <p:sldId id="988" r:id="rId18"/>
    <p:sldId id="989" r:id="rId19"/>
    <p:sldId id="718" r:id="rId2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Untitled Section" id="{BC2155E2-0CA9-4621-B47B-200DA35081BE}">
          <p14:sldIdLst>
            <p14:sldId id="341"/>
            <p14:sldId id="945"/>
            <p14:sldId id="985"/>
            <p14:sldId id="257"/>
            <p14:sldId id="972"/>
            <p14:sldId id="973"/>
            <p14:sldId id="974"/>
            <p14:sldId id="975"/>
            <p14:sldId id="977"/>
            <p14:sldId id="986"/>
            <p14:sldId id="987"/>
            <p14:sldId id="988"/>
            <p14:sldId id="989"/>
            <p14:sldId id="718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79D9BBD-4BFB-49C9-9209-0BD208679427}" v="6" dt="2025-11-11T09:36:53.73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001" autoAdjust="0"/>
    <p:restoredTop sz="96327"/>
  </p:normalViewPr>
  <p:slideViewPr>
    <p:cSldViewPr snapToGrid="0" snapToObjects="1">
      <p:cViewPr varScale="1">
        <p:scale>
          <a:sx n="63" d="100"/>
          <a:sy n="63" d="100"/>
        </p:scale>
        <p:origin x="540" y="56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slide" Target="slides/slide12.xml"/><Relationship Id="rId26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slide" Target="slides/slide11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5.xml"/><Relationship Id="rId24" Type="http://schemas.openxmlformats.org/officeDocument/2006/relationships/theme" Target="theme/theme1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9.xml"/><Relationship Id="rId23" Type="http://schemas.openxmlformats.org/officeDocument/2006/relationships/viewProps" Target="viewProps.xml"/><Relationship Id="rId10" Type="http://schemas.openxmlformats.org/officeDocument/2006/relationships/slide" Target="slides/slide4.xml"/><Relationship Id="rId19" Type="http://schemas.openxmlformats.org/officeDocument/2006/relationships/slide" Target="slides/slide13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presProps" Target="presProps.xml"/><Relationship Id="rId27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Vagnarelli, Alessio" userId="7630aed0-756e-42de-813a-0c9638cc0479" providerId="ADAL" clId="{A66496D5-9BA6-4EEB-9B69-0C583C664D08}"/>
    <pc:docChg chg="undo redo custSel addSld delSld modSld sldOrd delMainMaster modSection">
      <pc:chgData name="Vagnarelli, Alessio" userId="7630aed0-756e-42de-813a-0c9638cc0479" providerId="ADAL" clId="{A66496D5-9BA6-4EEB-9B69-0C583C664D08}" dt="2025-04-14T08:35:18.627" v="4750" actId="1076"/>
      <pc:docMkLst>
        <pc:docMk/>
      </pc:docMkLst>
      <pc:sldChg chg="del">
        <pc:chgData name="Vagnarelli, Alessio" userId="7630aed0-756e-42de-813a-0c9638cc0479" providerId="ADAL" clId="{A66496D5-9BA6-4EEB-9B69-0C583C664D08}" dt="2025-04-11T09:17:44.217" v="41" actId="47"/>
        <pc:sldMkLst>
          <pc:docMk/>
          <pc:sldMk cId="2338008872" sldId="263"/>
        </pc:sldMkLst>
      </pc:sldChg>
      <pc:sldChg chg="modSp mod">
        <pc:chgData name="Vagnarelli, Alessio" userId="7630aed0-756e-42de-813a-0c9638cc0479" providerId="ADAL" clId="{A66496D5-9BA6-4EEB-9B69-0C583C664D08}" dt="2025-04-11T09:17:24.291" v="24" actId="20577"/>
        <pc:sldMkLst>
          <pc:docMk/>
          <pc:sldMk cId="861957290" sldId="341"/>
        </pc:sldMkLst>
        <pc:spChg chg="mod">
          <ac:chgData name="Vagnarelli, Alessio" userId="7630aed0-756e-42de-813a-0c9638cc0479" providerId="ADAL" clId="{A66496D5-9BA6-4EEB-9B69-0C583C664D08}" dt="2025-04-11T09:17:24.291" v="24" actId="20577"/>
          <ac:spMkLst>
            <pc:docMk/>
            <pc:sldMk cId="861957290" sldId="341"/>
            <ac:spMk id="13" creationId="{DE5B9CEA-5E73-4E22-8C75-E8D43059FFC7}"/>
          </ac:spMkLst>
        </pc:spChg>
      </pc:sldChg>
      <pc:sldChg chg="del">
        <pc:chgData name="Vagnarelli, Alessio" userId="7630aed0-756e-42de-813a-0c9638cc0479" providerId="ADAL" clId="{A66496D5-9BA6-4EEB-9B69-0C583C664D08}" dt="2025-04-11T09:17:45.976" v="44" actId="47"/>
        <pc:sldMkLst>
          <pc:docMk/>
          <pc:sldMk cId="2467030945" sldId="469"/>
        </pc:sldMkLst>
      </pc:sldChg>
      <pc:sldChg chg="del">
        <pc:chgData name="Vagnarelli, Alessio" userId="7630aed0-756e-42de-813a-0c9638cc0479" providerId="ADAL" clId="{A66496D5-9BA6-4EEB-9B69-0C583C664D08}" dt="2025-04-11T09:17:45.478" v="43" actId="47"/>
        <pc:sldMkLst>
          <pc:docMk/>
          <pc:sldMk cId="1049286935" sldId="485"/>
        </pc:sldMkLst>
      </pc:sldChg>
      <pc:sldChg chg="del">
        <pc:chgData name="Vagnarelli, Alessio" userId="7630aed0-756e-42de-813a-0c9638cc0479" providerId="ADAL" clId="{A66496D5-9BA6-4EEB-9B69-0C583C664D08}" dt="2025-04-11T09:17:43.564" v="40" actId="47"/>
        <pc:sldMkLst>
          <pc:docMk/>
          <pc:sldMk cId="803586769" sldId="886"/>
        </pc:sldMkLst>
      </pc:sldChg>
      <pc:sldChg chg="del">
        <pc:chgData name="Vagnarelli, Alessio" userId="7630aed0-756e-42de-813a-0c9638cc0479" providerId="ADAL" clId="{A66496D5-9BA6-4EEB-9B69-0C583C664D08}" dt="2025-04-11T09:17:44.963" v="42" actId="47"/>
        <pc:sldMkLst>
          <pc:docMk/>
          <pc:sldMk cId="2173822530" sldId="887"/>
        </pc:sldMkLst>
      </pc:sldChg>
      <pc:sldChg chg="del">
        <pc:chgData name="Vagnarelli, Alessio" userId="7630aed0-756e-42de-813a-0c9638cc0479" providerId="ADAL" clId="{A66496D5-9BA6-4EEB-9B69-0C583C664D08}" dt="2025-04-11T09:17:30.934" v="26" actId="47"/>
        <pc:sldMkLst>
          <pc:docMk/>
          <pc:sldMk cId="1565800978" sldId="889"/>
        </pc:sldMkLst>
      </pc:sldChg>
      <pc:sldChg chg="del">
        <pc:chgData name="Vagnarelli, Alessio" userId="7630aed0-756e-42de-813a-0c9638cc0479" providerId="ADAL" clId="{A66496D5-9BA6-4EEB-9B69-0C583C664D08}" dt="2025-04-11T09:17:28.496" v="25" actId="47"/>
        <pc:sldMkLst>
          <pc:docMk/>
          <pc:sldMk cId="4268658265" sldId="891"/>
        </pc:sldMkLst>
      </pc:sldChg>
      <pc:sldChg chg="del">
        <pc:chgData name="Vagnarelli, Alessio" userId="7630aed0-756e-42de-813a-0c9638cc0479" providerId="ADAL" clId="{A66496D5-9BA6-4EEB-9B69-0C583C664D08}" dt="2025-04-11T09:17:32.276" v="28" actId="47"/>
        <pc:sldMkLst>
          <pc:docMk/>
          <pc:sldMk cId="3156422888" sldId="892"/>
        </pc:sldMkLst>
      </pc:sldChg>
      <pc:sldChg chg="del">
        <pc:chgData name="Vagnarelli, Alessio" userId="7630aed0-756e-42de-813a-0c9638cc0479" providerId="ADAL" clId="{A66496D5-9BA6-4EEB-9B69-0C583C664D08}" dt="2025-04-11T09:17:33.618" v="29" actId="47"/>
        <pc:sldMkLst>
          <pc:docMk/>
          <pc:sldMk cId="1708923643" sldId="893"/>
        </pc:sldMkLst>
      </pc:sldChg>
      <pc:sldChg chg="del">
        <pc:chgData name="Vagnarelli, Alessio" userId="7630aed0-756e-42de-813a-0c9638cc0479" providerId="ADAL" clId="{A66496D5-9BA6-4EEB-9B69-0C583C664D08}" dt="2025-04-11T09:17:34.515" v="30" actId="47"/>
        <pc:sldMkLst>
          <pc:docMk/>
          <pc:sldMk cId="2856221848" sldId="894"/>
        </pc:sldMkLst>
      </pc:sldChg>
      <pc:sldChg chg="del">
        <pc:chgData name="Vagnarelli, Alessio" userId="7630aed0-756e-42de-813a-0c9638cc0479" providerId="ADAL" clId="{A66496D5-9BA6-4EEB-9B69-0C583C664D08}" dt="2025-04-11T09:17:31.642" v="27" actId="47"/>
        <pc:sldMkLst>
          <pc:docMk/>
          <pc:sldMk cId="365164194" sldId="895"/>
        </pc:sldMkLst>
      </pc:sldChg>
      <pc:sldChg chg="del">
        <pc:chgData name="Vagnarelli, Alessio" userId="7630aed0-756e-42de-813a-0c9638cc0479" providerId="ADAL" clId="{A66496D5-9BA6-4EEB-9B69-0C583C664D08}" dt="2025-04-11T09:17:35.802" v="32" actId="47"/>
        <pc:sldMkLst>
          <pc:docMk/>
          <pc:sldMk cId="3359644238" sldId="896"/>
        </pc:sldMkLst>
      </pc:sldChg>
      <pc:sldChg chg="del">
        <pc:chgData name="Vagnarelli, Alessio" userId="7630aed0-756e-42de-813a-0c9638cc0479" providerId="ADAL" clId="{A66496D5-9BA6-4EEB-9B69-0C583C664D08}" dt="2025-04-11T09:17:35.177" v="31" actId="47"/>
        <pc:sldMkLst>
          <pc:docMk/>
          <pc:sldMk cId="3126564207" sldId="897"/>
        </pc:sldMkLst>
      </pc:sldChg>
      <pc:sldChg chg="del">
        <pc:chgData name="Vagnarelli, Alessio" userId="7630aed0-756e-42de-813a-0c9638cc0479" providerId="ADAL" clId="{A66496D5-9BA6-4EEB-9B69-0C583C664D08}" dt="2025-04-11T09:17:36.710" v="33" actId="47"/>
        <pc:sldMkLst>
          <pc:docMk/>
          <pc:sldMk cId="3701640564" sldId="898"/>
        </pc:sldMkLst>
      </pc:sldChg>
      <pc:sldChg chg="del">
        <pc:chgData name="Vagnarelli, Alessio" userId="7630aed0-756e-42de-813a-0c9638cc0479" providerId="ADAL" clId="{A66496D5-9BA6-4EEB-9B69-0C583C664D08}" dt="2025-04-11T09:17:38.861" v="35" actId="47"/>
        <pc:sldMkLst>
          <pc:docMk/>
          <pc:sldMk cId="3579948103" sldId="899"/>
        </pc:sldMkLst>
      </pc:sldChg>
      <pc:sldChg chg="del">
        <pc:chgData name="Vagnarelli, Alessio" userId="7630aed0-756e-42de-813a-0c9638cc0479" providerId="ADAL" clId="{A66496D5-9BA6-4EEB-9B69-0C583C664D08}" dt="2025-04-11T09:17:37.709" v="34" actId="47"/>
        <pc:sldMkLst>
          <pc:docMk/>
          <pc:sldMk cId="3745674210" sldId="900"/>
        </pc:sldMkLst>
      </pc:sldChg>
      <pc:sldChg chg="del">
        <pc:chgData name="Vagnarelli, Alessio" userId="7630aed0-756e-42de-813a-0c9638cc0479" providerId="ADAL" clId="{A66496D5-9BA6-4EEB-9B69-0C583C664D08}" dt="2025-04-11T09:17:40.233" v="36" actId="47"/>
        <pc:sldMkLst>
          <pc:docMk/>
          <pc:sldMk cId="494266302" sldId="901"/>
        </pc:sldMkLst>
      </pc:sldChg>
      <pc:sldChg chg="del">
        <pc:chgData name="Vagnarelli, Alessio" userId="7630aed0-756e-42de-813a-0c9638cc0479" providerId="ADAL" clId="{A66496D5-9BA6-4EEB-9B69-0C583C664D08}" dt="2025-04-11T09:17:40.497" v="37" actId="47"/>
        <pc:sldMkLst>
          <pc:docMk/>
          <pc:sldMk cId="3499897702" sldId="902"/>
        </pc:sldMkLst>
      </pc:sldChg>
      <pc:sldChg chg="del">
        <pc:chgData name="Vagnarelli, Alessio" userId="7630aed0-756e-42de-813a-0c9638cc0479" providerId="ADAL" clId="{A66496D5-9BA6-4EEB-9B69-0C583C664D08}" dt="2025-04-11T09:17:40.677" v="38" actId="47"/>
        <pc:sldMkLst>
          <pc:docMk/>
          <pc:sldMk cId="4227078457" sldId="903"/>
        </pc:sldMkLst>
      </pc:sldChg>
      <pc:sldChg chg="modSp mod ord">
        <pc:chgData name="Vagnarelli, Alessio" userId="7630aed0-756e-42de-813a-0c9638cc0479" providerId="ADAL" clId="{A66496D5-9BA6-4EEB-9B69-0C583C664D08}" dt="2025-04-11T09:23:26.023" v="65"/>
        <pc:sldMkLst>
          <pc:docMk/>
          <pc:sldMk cId="600344921" sldId="904"/>
        </pc:sldMkLst>
        <pc:spChg chg="mod">
          <ac:chgData name="Vagnarelli, Alessio" userId="7630aed0-756e-42de-813a-0c9638cc0479" providerId="ADAL" clId="{A66496D5-9BA6-4EEB-9B69-0C583C664D08}" dt="2025-04-11T09:20:35.963" v="63" actId="6549"/>
          <ac:spMkLst>
            <pc:docMk/>
            <pc:sldMk cId="600344921" sldId="904"/>
            <ac:spMk id="2" creationId="{1A53A8AD-38C0-4854-81B3-9B99B4E007ED}"/>
          </ac:spMkLst>
        </pc:spChg>
      </pc:sldChg>
      <pc:sldChg chg="del ord">
        <pc:chgData name="Vagnarelli, Alessio" userId="7630aed0-756e-42de-813a-0c9638cc0479" providerId="ADAL" clId="{A66496D5-9BA6-4EEB-9B69-0C583C664D08}" dt="2025-04-11T18:53:48.844" v="4111" actId="47"/>
        <pc:sldMkLst>
          <pc:docMk/>
          <pc:sldMk cId="3092059580" sldId="907"/>
        </pc:sldMkLst>
      </pc:sldChg>
      <pc:sldChg chg="del ord">
        <pc:chgData name="Vagnarelli, Alessio" userId="7630aed0-756e-42de-813a-0c9638cc0479" providerId="ADAL" clId="{A66496D5-9BA6-4EEB-9B69-0C583C664D08}" dt="2025-04-11T18:54:04.141" v="4112" actId="47"/>
        <pc:sldMkLst>
          <pc:docMk/>
          <pc:sldMk cId="2000241971" sldId="908"/>
        </pc:sldMkLst>
      </pc:sldChg>
      <pc:sldChg chg="addSp delSp modSp mod ord delAnim modAnim">
        <pc:chgData name="Vagnarelli, Alessio" userId="7630aed0-756e-42de-813a-0c9638cc0479" providerId="ADAL" clId="{A66496D5-9BA6-4EEB-9B69-0C583C664D08}" dt="2025-04-14T08:35:18.627" v="4750" actId="1076"/>
        <pc:sldMkLst>
          <pc:docMk/>
          <pc:sldMk cId="524468396" sldId="909"/>
        </pc:sldMkLst>
        <pc:spChg chg="add mod">
          <ac:chgData name="Vagnarelli, Alessio" userId="7630aed0-756e-42de-813a-0c9638cc0479" providerId="ADAL" clId="{A66496D5-9BA6-4EEB-9B69-0C583C664D08}" dt="2025-04-14T08:35:18.627" v="4750" actId="1076"/>
          <ac:spMkLst>
            <pc:docMk/>
            <pc:sldMk cId="524468396" sldId="909"/>
            <ac:spMk id="2" creationId="{AFCABA23-0A12-B9C6-05DB-345215216892}"/>
          </ac:spMkLst>
        </pc:spChg>
        <pc:spChg chg="mod">
          <ac:chgData name="Vagnarelli, Alessio" userId="7630aed0-756e-42de-813a-0c9638cc0479" providerId="ADAL" clId="{A66496D5-9BA6-4EEB-9B69-0C583C664D08}" dt="2025-04-11T18:25:11.133" v="3112" actId="20577"/>
          <ac:spMkLst>
            <pc:docMk/>
            <pc:sldMk cId="524468396" sldId="909"/>
            <ac:spMk id="5" creationId="{9EBB666A-D6FD-85CA-5426-A578F68FDA0E}"/>
          </ac:spMkLst>
        </pc:spChg>
        <pc:spChg chg="mod">
          <ac:chgData name="Vagnarelli, Alessio" userId="7630aed0-756e-42de-813a-0c9638cc0479" providerId="ADAL" clId="{A66496D5-9BA6-4EEB-9B69-0C583C664D08}" dt="2025-04-14T08:35:14.831" v="4749" actId="6549"/>
          <ac:spMkLst>
            <pc:docMk/>
            <pc:sldMk cId="524468396" sldId="909"/>
            <ac:spMk id="6" creationId="{9ABAE42A-9DCD-C432-7122-8AE45783B5E1}"/>
          </ac:spMkLst>
        </pc:spChg>
        <pc:picChg chg="del">
          <ac:chgData name="Vagnarelli, Alessio" userId="7630aed0-756e-42de-813a-0c9638cc0479" providerId="ADAL" clId="{A66496D5-9BA6-4EEB-9B69-0C583C664D08}" dt="2025-04-11T09:32:45.760" v="89" actId="21"/>
          <ac:picMkLst>
            <pc:docMk/>
            <pc:sldMk cId="524468396" sldId="909"/>
            <ac:picMk id="12" creationId="{C2EB557A-6F1E-4C78-73ED-E09CF18F4037}"/>
          </ac:picMkLst>
        </pc:picChg>
      </pc:sldChg>
      <pc:sldChg chg="del">
        <pc:chgData name="Vagnarelli, Alessio" userId="7630aed0-756e-42de-813a-0c9638cc0479" providerId="ADAL" clId="{A66496D5-9BA6-4EEB-9B69-0C583C664D08}" dt="2025-04-11T09:17:42.214" v="39" actId="47"/>
        <pc:sldMkLst>
          <pc:docMk/>
          <pc:sldMk cId="2828456716" sldId="911"/>
        </pc:sldMkLst>
      </pc:sldChg>
      <pc:sldChg chg="modSp mod ord">
        <pc:chgData name="Vagnarelli, Alessio" userId="7630aed0-756e-42de-813a-0c9638cc0479" providerId="ADAL" clId="{A66496D5-9BA6-4EEB-9B69-0C583C664D08}" dt="2025-04-11T09:23:34.205" v="69"/>
        <pc:sldMkLst>
          <pc:docMk/>
          <pc:sldMk cId="2241761266" sldId="912"/>
        </pc:sldMkLst>
        <pc:spChg chg="mod">
          <ac:chgData name="Vagnarelli, Alessio" userId="7630aed0-756e-42de-813a-0c9638cc0479" providerId="ADAL" clId="{A66496D5-9BA6-4EEB-9B69-0C583C664D08}" dt="2025-04-11T09:20:30.898" v="62" actId="20577"/>
          <ac:spMkLst>
            <pc:docMk/>
            <pc:sldMk cId="2241761266" sldId="912"/>
            <ac:spMk id="2" creationId="{1A53A8AD-38C0-4854-81B3-9B99B4E007ED}"/>
          </ac:spMkLst>
        </pc:spChg>
      </pc:sldChg>
      <pc:sldChg chg="del">
        <pc:chgData name="Vagnarelli, Alessio" userId="7630aed0-756e-42de-813a-0c9638cc0479" providerId="ADAL" clId="{A66496D5-9BA6-4EEB-9B69-0C583C664D08}" dt="2025-04-11T09:17:57.770" v="45" actId="47"/>
        <pc:sldMkLst>
          <pc:docMk/>
          <pc:sldMk cId="3266675215" sldId="913"/>
        </pc:sldMkLst>
      </pc:sldChg>
      <pc:sldChg chg="del">
        <pc:chgData name="Vagnarelli, Alessio" userId="7630aed0-756e-42de-813a-0c9638cc0479" providerId="ADAL" clId="{A66496D5-9BA6-4EEB-9B69-0C583C664D08}" dt="2025-04-11T09:18:02.147" v="47" actId="47"/>
        <pc:sldMkLst>
          <pc:docMk/>
          <pc:sldMk cId="4017835024" sldId="915"/>
        </pc:sldMkLst>
      </pc:sldChg>
      <pc:sldChg chg="del">
        <pc:chgData name="Vagnarelli, Alessio" userId="7630aed0-756e-42de-813a-0c9638cc0479" providerId="ADAL" clId="{A66496D5-9BA6-4EEB-9B69-0C583C664D08}" dt="2025-04-11T09:18:00.607" v="46" actId="47"/>
        <pc:sldMkLst>
          <pc:docMk/>
          <pc:sldMk cId="560088286" sldId="916"/>
        </pc:sldMkLst>
      </pc:sldChg>
      <pc:sldChg chg="del">
        <pc:chgData name="Vagnarelli, Alessio" userId="7630aed0-756e-42de-813a-0c9638cc0479" providerId="ADAL" clId="{A66496D5-9BA6-4EEB-9B69-0C583C664D08}" dt="2025-04-11T09:18:04.746" v="48" actId="47"/>
        <pc:sldMkLst>
          <pc:docMk/>
          <pc:sldMk cId="3661420669" sldId="917"/>
        </pc:sldMkLst>
      </pc:sldChg>
      <pc:sldChg chg="del">
        <pc:chgData name="Vagnarelli, Alessio" userId="7630aed0-756e-42de-813a-0c9638cc0479" providerId="ADAL" clId="{A66496D5-9BA6-4EEB-9B69-0C583C664D08}" dt="2025-04-11T09:18:07.049" v="49" actId="47"/>
        <pc:sldMkLst>
          <pc:docMk/>
          <pc:sldMk cId="3954893419" sldId="919"/>
        </pc:sldMkLst>
      </pc:sldChg>
      <pc:sldChg chg="del">
        <pc:chgData name="Vagnarelli, Alessio" userId="7630aed0-756e-42de-813a-0c9638cc0479" providerId="ADAL" clId="{A66496D5-9BA6-4EEB-9B69-0C583C664D08}" dt="2025-04-11T09:18:13.934" v="50" actId="47"/>
        <pc:sldMkLst>
          <pc:docMk/>
          <pc:sldMk cId="3251983433" sldId="920"/>
        </pc:sldMkLst>
      </pc:sldChg>
      <pc:sldChg chg="delSp modSp del mod ord delAnim">
        <pc:chgData name="Vagnarelli, Alessio" userId="7630aed0-756e-42de-813a-0c9638cc0479" providerId="ADAL" clId="{A66496D5-9BA6-4EEB-9B69-0C583C664D08}" dt="2025-04-11T09:51:25.396" v="142" actId="47"/>
        <pc:sldMkLst>
          <pc:docMk/>
          <pc:sldMk cId="5478708" sldId="921"/>
        </pc:sldMkLst>
        <pc:spChg chg="mod">
          <ac:chgData name="Vagnarelli, Alessio" userId="7630aed0-756e-42de-813a-0c9638cc0479" providerId="ADAL" clId="{A66496D5-9BA6-4EEB-9B69-0C583C664D08}" dt="2025-04-11T09:50:57.048" v="139" actId="6549"/>
          <ac:spMkLst>
            <pc:docMk/>
            <pc:sldMk cId="5478708" sldId="921"/>
            <ac:spMk id="6" creationId="{9ABAE42A-9DCD-C432-7122-8AE45783B5E1}"/>
          </ac:spMkLst>
        </pc:spChg>
        <pc:spChg chg="del">
          <ac:chgData name="Vagnarelli, Alessio" userId="7630aed0-756e-42de-813a-0c9638cc0479" providerId="ADAL" clId="{A66496D5-9BA6-4EEB-9B69-0C583C664D08}" dt="2025-04-11T09:48:28.374" v="122" actId="21"/>
          <ac:spMkLst>
            <pc:docMk/>
            <pc:sldMk cId="5478708" sldId="921"/>
            <ac:spMk id="8" creationId="{D236D298-B09D-B9AE-BD90-86FE60B29928}"/>
          </ac:spMkLst>
        </pc:spChg>
      </pc:sldChg>
      <pc:sldChg chg="del">
        <pc:chgData name="Vagnarelli, Alessio" userId="7630aed0-756e-42de-813a-0c9638cc0479" providerId="ADAL" clId="{A66496D5-9BA6-4EEB-9B69-0C583C664D08}" dt="2025-04-11T09:18:16.446" v="51" actId="47"/>
        <pc:sldMkLst>
          <pc:docMk/>
          <pc:sldMk cId="2171320839" sldId="922"/>
        </pc:sldMkLst>
      </pc:sldChg>
      <pc:sldChg chg="del">
        <pc:chgData name="Vagnarelli, Alessio" userId="7630aed0-756e-42de-813a-0c9638cc0479" providerId="ADAL" clId="{A66496D5-9BA6-4EEB-9B69-0C583C664D08}" dt="2025-04-11T09:18:19.843" v="52" actId="47"/>
        <pc:sldMkLst>
          <pc:docMk/>
          <pc:sldMk cId="547440148" sldId="923"/>
        </pc:sldMkLst>
      </pc:sldChg>
      <pc:sldChg chg="del">
        <pc:chgData name="Vagnarelli, Alessio" userId="7630aed0-756e-42de-813a-0c9638cc0479" providerId="ADAL" clId="{A66496D5-9BA6-4EEB-9B69-0C583C664D08}" dt="2025-04-11T09:18:24.368" v="54" actId="47"/>
        <pc:sldMkLst>
          <pc:docMk/>
          <pc:sldMk cId="2703241646" sldId="924"/>
        </pc:sldMkLst>
      </pc:sldChg>
      <pc:sldChg chg="del">
        <pc:chgData name="Vagnarelli, Alessio" userId="7630aed0-756e-42de-813a-0c9638cc0479" providerId="ADAL" clId="{A66496D5-9BA6-4EEB-9B69-0C583C664D08}" dt="2025-04-11T09:18:21.953" v="53" actId="47"/>
        <pc:sldMkLst>
          <pc:docMk/>
          <pc:sldMk cId="215027628" sldId="925"/>
        </pc:sldMkLst>
      </pc:sldChg>
      <pc:sldChg chg="del">
        <pc:chgData name="Vagnarelli, Alessio" userId="7630aed0-756e-42de-813a-0c9638cc0479" providerId="ADAL" clId="{A66496D5-9BA6-4EEB-9B69-0C583C664D08}" dt="2025-04-11T09:18:27.425" v="55" actId="47"/>
        <pc:sldMkLst>
          <pc:docMk/>
          <pc:sldMk cId="2389471904" sldId="926"/>
        </pc:sldMkLst>
      </pc:sldChg>
      <pc:sldChg chg="modSp mod modAnim">
        <pc:chgData name="Vagnarelli, Alessio" userId="7630aed0-756e-42de-813a-0c9638cc0479" providerId="ADAL" clId="{A66496D5-9BA6-4EEB-9B69-0C583C664D08}" dt="2025-04-13T15:13:47.019" v="4468"/>
        <pc:sldMkLst>
          <pc:docMk/>
          <pc:sldMk cId="4125824611" sldId="927"/>
        </pc:sldMkLst>
        <pc:spChg chg="mod">
          <ac:chgData name="Vagnarelli, Alessio" userId="7630aed0-756e-42de-813a-0c9638cc0479" providerId="ADAL" clId="{A66496D5-9BA6-4EEB-9B69-0C583C664D08}" dt="2025-04-11T09:27:39.318" v="79" actId="6549"/>
          <ac:spMkLst>
            <pc:docMk/>
            <pc:sldMk cId="4125824611" sldId="927"/>
            <ac:spMk id="3" creationId="{CBBF28A7-5754-858D-817A-44E2FA603204}"/>
          </ac:spMkLst>
        </pc:spChg>
        <pc:spChg chg="mod">
          <ac:chgData name="Vagnarelli, Alessio" userId="7630aed0-756e-42de-813a-0c9638cc0479" providerId="ADAL" clId="{A66496D5-9BA6-4EEB-9B69-0C583C664D08}" dt="2025-04-11T09:26:25.598" v="76" actId="6549"/>
          <ac:spMkLst>
            <pc:docMk/>
            <pc:sldMk cId="4125824611" sldId="927"/>
            <ac:spMk id="5" creationId="{9EBB666A-D6FD-85CA-5426-A578F68FDA0E}"/>
          </ac:spMkLst>
        </pc:spChg>
      </pc:sldChg>
      <pc:sldChg chg="modSp add del mod">
        <pc:chgData name="Vagnarelli, Alessio" userId="7630aed0-756e-42de-813a-0c9638cc0479" providerId="ADAL" clId="{A66496D5-9BA6-4EEB-9B69-0C583C664D08}" dt="2025-04-11T18:49:03.815" v="4089" actId="47"/>
        <pc:sldMkLst>
          <pc:docMk/>
          <pc:sldMk cId="120321491" sldId="928"/>
        </pc:sldMkLst>
        <pc:spChg chg="mod">
          <ac:chgData name="Vagnarelli, Alessio" userId="7630aed0-756e-42de-813a-0c9638cc0479" providerId="ADAL" clId="{A66496D5-9BA6-4EEB-9B69-0C583C664D08}" dt="2025-04-11T18:33:13.161" v="3242" actId="20577"/>
          <ac:spMkLst>
            <pc:docMk/>
            <pc:sldMk cId="120321491" sldId="928"/>
            <ac:spMk id="6" creationId="{9ABAE42A-9DCD-C432-7122-8AE45783B5E1}"/>
          </ac:spMkLst>
        </pc:spChg>
      </pc:sldChg>
      <pc:sldChg chg="modSp add del mod ord">
        <pc:chgData name="Vagnarelli, Alessio" userId="7630aed0-756e-42de-813a-0c9638cc0479" providerId="ADAL" clId="{A66496D5-9BA6-4EEB-9B69-0C583C664D08}" dt="2025-04-11T18:48:53.014" v="4088" actId="47"/>
        <pc:sldMkLst>
          <pc:docMk/>
          <pc:sldMk cId="655637895" sldId="929"/>
        </pc:sldMkLst>
        <pc:spChg chg="mod">
          <ac:chgData name="Vagnarelli, Alessio" userId="7630aed0-756e-42de-813a-0c9638cc0479" providerId="ADAL" clId="{A66496D5-9BA6-4EEB-9B69-0C583C664D08}" dt="2025-04-11T18:47:33.642" v="4062" actId="14100"/>
          <ac:spMkLst>
            <pc:docMk/>
            <pc:sldMk cId="655637895" sldId="929"/>
            <ac:spMk id="5" creationId="{9EBB666A-D6FD-85CA-5426-A578F68FDA0E}"/>
          </ac:spMkLst>
        </pc:spChg>
        <pc:spChg chg="mod">
          <ac:chgData name="Vagnarelli, Alessio" userId="7630aed0-756e-42de-813a-0c9638cc0479" providerId="ADAL" clId="{A66496D5-9BA6-4EEB-9B69-0C583C664D08}" dt="2025-04-11T09:47:00.028" v="118" actId="6549"/>
          <ac:spMkLst>
            <pc:docMk/>
            <pc:sldMk cId="655637895" sldId="929"/>
            <ac:spMk id="6" creationId="{9ABAE42A-9DCD-C432-7122-8AE45783B5E1}"/>
          </ac:spMkLst>
        </pc:spChg>
      </pc:sldChg>
      <pc:sldChg chg="modSp add mod ord">
        <pc:chgData name="Vagnarelli, Alessio" userId="7630aed0-756e-42de-813a-0c9638cc0479" providerId="ADAL" clId="{A66496D5-9BA6-4EEB-9B69-0C583C664D08}" dt="2025-04-11T18:28:19.119" v="3233" actId="115"/>
        <pc:sldMkLst>
          <pc:docMk/>
          <pc:sldMk cId="2377811071" sldId="930"/>
        </pc:sldMkLst>
        <pc:spChg chg="mod">
          <ac:chgData name="Vagnarelli, Alessio" userId="7630aed0-756e-42de-813a-0c9638cc0479" providerId="ADAL" clId="{A66496D5-9BA6-4EEB-9B69-0C583C664D08}" dt="2025-04-11T18:27:10.278" v="3215" actId="27636"/>
          <ac:spMkLst>
            <pc:docMk/>
            <pc:sldMk cId="2377811071" sldId="930"/>
            <ac:spMk id="5" creationId="{9EBB666A-D6FD-85CA-5426-A578F68FDA0E}"/>
          </ac:spMkLst>
        </pc:spChg>
        <pc:spChg chg="mod">
          <ac:chgData name="Vagnarelli, Alessio" userId="7630aed0-756e-42de-813a-0c9638cc0479" providerId="ADAL" clId="{A66496D5-9BA6-4EEB-9B69-0C583C664D08}" dt="2025-04-11T18:28:19.119" v="3233" actId="115"/>
          <ac:spMkLst>
            <pc:docMk/>
            <pc:sldMk cId="2377811071" sldId="930"/>
            <ac:spMk id="6" creationId="{9ABAE42A-9DCD-C432-7122-8AE45783B5E1}"/>
          </ac:spMkLst>
        </pc:spChg>
      </pc:sldChg>
      <pc:sldChg chg="modSp add del mod">
        <pc:chgData name="Vagnarelli, Alessio" userId="7630aed0-756e-42de-813a-0c9638cc0479" providerId="ADAL" clId="{A66496D5-9BA6-4EEB-9B69-0C583C664D08}" dt="2025-04-11T09:51:49.946" v="145" actId="47"/>
        <pc:sldMkLst>
          <pc:docMk/>
          <pc:sldMk cId="3533200898" sldId="931"/>
        </pc:sldMkLst>
        <pc:spChg chg="mod">
          <ac:chgData name="Vagnarelli, Alessio" userId="7630aed0-756e-42de-813a-0c9638cc0479" providerId="ADAL" clId="{A66496D5-9BA6-4EEB-9B69-0C583C664D08}" dt="2025-04-11T09:51:30.680" v="143" actId="6549"/>
          <ac:spMkLst>
            <pc:docMk/>
            <pc:sldMk cId="3533200898" sldId="931"/>
            <ac:spMk id="6" creationId="{9ABAE42A-9DCD-C432-7122-8AE45783B5E1}"/>
          </ac:spMkLst>
        </pc:spChg>
      </pc:sldChg>
      <pc:sldChg chg="modSp add del mod">
        <pc:chgData name="Vagnarelli, Alessio" userId="7630aed0-756e-42de-813a-0c9638cc0479" providerId="ADAL" clId="{A66496D5-9BA6-4EEB-9B69-0C583C664D08}" dt="2025-04-11T18:28:54.413" v="3234" actId="47"/>
        <pc:sldMkLst>
          <pc:docMk/>
          <pc:sldMk cId="330290892" sldId="932"/>
        </pc:sldMkLst>
        <pc:spChg chg="mod">
          <ac:chgData name="Vagnarelli, Alessio" userId="7630aed0-756e-42de-813a-0c9638cc0479" providerId="ADAL" clId="{A66496D5-9BA6-4EEB-9B69-0C583C664D08}" dt="2025-04-11T09:52:21.909" v="149" actId="6549"/>
          <ac:spMkLst>
            <pc:docMk/>
            <pc:sldMk cId="330290892" sldId="932"/>
            <ac:spMk id="6" creationId="{9ABAE42A-9DCD-C432-7122-8AE45783B5E1}"/>
          </ac:spMkLst>
        </pc:spChg>
      </pc:sldChg>
      <pc:sldChg chg="modSp add del mod">
        <pc:chgData name="Vagnarelli, Alessio" userId="7630aed0-756e-42de-813a-0c9638cc0479" providerId="ADAL" clId="{A66496D5-9BA6-4EEB-9B69-0C583C664D08}" dt="2025-04-11T18:49:50.213" v="4093" actId="47"/>
        <pc:sldMkLst>
          <pc:docMk/>
          <pc:sldMk cId="422175080" sldId="933"/>
        </pc:sldMkLst>
        <pc:spChg chg="mod">
          <ac:chgData name="Vagnarelli, Alessio" userId="7630aed0-756e-42de-813a-0c9638cc0479" providerId="ADAL" clId="{A66496D5-9BA6-4EEB-9B69-0C583C664D08}" dt="2025-04-11T09:52:56.157" v="158" actId="6549"/>
          <ac:spMkLst>
            <pc:docMk/>
            <pc:sldMk cId="422175080" sldId="933"/>
            <ac:spMk id="6" creationId="{9ABAE42A-9DCD-C432-7122-8AE45783B5E1}"/>
          </ac:spMkLst>
        </pc:spChg>
      </pc:sldChg>
      <pc:sldChg chg="modSp add del mod">
        <pc:chgData name="Vagnarelli, Alessio" userId="7630aed0-756e-42de-813a-0c9638cc0479" providerId="ADAL" clId="{A66496D5-9BA6-4EEB-9B69-0C583C664D08}" dt="2025-04-11T18:49:59.114" v="4094" actId="47"/>
        <pc:sldMkLst>
          <pc:docMk/>
          <pc:sldMk cId="3611999148" sldId="934"/>
        </pc:sldMkLst>
        <pc:spChg chg="mod">
          <ac:chgData name="Vagnarelli, Alessio" userId="7630aed0-756e-42de-813a-0c9638cc0479" providerId="ADAL" clId="{A66496D5-9BA6-4EEB-9B69-0C583C664D08}" dt="2025-04-11T09:55:13.538" v="162" actId="6549"/>
          <ac:spMkLst>
            <pc:docMk/>
            <pc:sldMk cId="3611999148" sldId="934"/>
            <ac:spMk id="6" creationId="{9ABAE42A-9DCD-C432-7122-8AE45783B5E1}"/>
          </ac:spMkLst>
        </pc:spChg>
      </pc:sldChg>
      <pc:sldChg chg="modSp add del mod">
        <pc:chgData name="Vagnarelli, Alessio" userId="7630aed0-756e-42de-813a-0c9638cc0479" providerId="ADAL" clId="{A66496D5-9BA6-4EEB-9B69-0C583C664D08}" dt="2025-04-11T18:51:57.624" v="4105" actId="47"/>
        <pc:sldMkLst>
          <pc:docMk/>
          <pc:sldMk cId="1757939161" sldId="935"/>
        </pc:sldMkLst>
        <pc:spChg chg="mod">
          <ac:chgData name="Vagnarelli, Alessio" userId="7630aed0-756e-42de-813a-0c9638cc0479" providerId="ADAL" clId="{A66496D5-9BA6-4EEB-9B69-0C583C664D08}" dt="2025-04-11T18:50:43.985" v="4096" actId="14100"/>
          <ac:spMkLst>
            <pc:docMk/>
            <pc:sldMk cId="1757939161" sldId="935"/>
            <ac:spMk id="5" creationId="{9EBB666A-D6FD-85CA-5426-A578F68FDA0E}"/>
          </ac:spMkLst>
        </pc:spChg>
        <pc:spChg chg="mod">
          <ac:chgData name="Vagnarelli, Alessio" userId="7630aed0-756e-42de-813a-0c9638cc0479" providerId="ADAL" clId="{A66496D5-9BA6-4EEB-9B69-0C583C664D08}" dt="2025-04-11T18:50:53.132" v="4099" actId="313"/>
          <ac:spMkLst>
            <pc:docMk/>
            <pc:sldMk cId="1757939161" sldId="935"/>
            <ac:spMk id="6" creationId="{9ABAE42A-9DCD-C432-7122-8AE45783B5E1}"/>
          </ac:spMkLst>
        </pc:spChg>
      </pc:sldChg>
      <pc:sldChg chg="modSp add mod">
        <pc:chgData name="Vagnarelli, Alessio" userId="7630aed0-756e-42de-813a-0c9638cc0479" providerId="ADAL" clId="{A66496D5-9BA6-4EEB-9B69-0C583C664D08}" dt="2025-04-11T18:53:15.662" v="4110" actId="114"/>
        <pc:sldMkLst>
          <pc:docMk/>
          <pc:sldMk cId="1386567498" sldId="936"/>
        </pc:sldMkLst>
        <pc:spChg chg="mod">
          <ac:chgData name="Vagnarelli, Alessio" userId="7630aed0-756e-42de-813a-0c9638cc0479" providerId="ADAL" clId="{A66496D5-9BA6-4EEB-9B69-0C583C664D08}" dt="2025-04-11T18:51:31.460" v="4100"/>
          <ac:spMkLst>
            <pc:docMk/>
            <pc:sldMk cId="1386567498" sldId="936"/>
            <ac:spMk id="5" creationId="{9EBB666A-D6FD-85CA-5426-A578F68FDA0E}"/>
          </ac:spMkLst>
        </pc:spChg>
        <pc:spChg chg="mod">
          <ac:chgData name="Vagnarelli, Alessio" userId="7630aed0-756e-42de-813a-0c9638cc0479" providerId="ADAL" clId="{A66496D5-9BA6-4EEB-9B69-0C583C664D08}" dt="2025-04-11T18:53:15.662" v="4110" actId="114"/>
          <ac:spMkLst>
            <pc:docMk/>
            <pc:sldMk cId="1386567498" sldId="936"/>
            <ac:spMk id="6" creationId="{9ABAE42A-9DCD-C432-7122-8AE45783B5E1}"/>
          </ac:spMkLst>
        </pc:spChg>
      </pc:sldChg>
      <pc:sldChg chg="add del">
        <pc:chgData name="Vagnarelli, Alessio" userId="7630aed0-756e-42de-813a-0c9638cc0479" providerId="ADAL" clId="{A66496D5-9BA6-4EEB-9B69-0C583C664D08}" dt="2025-04-11T18:49:29.474" v="4092" actId="47"/>
        <pc:sldMkLst>
          <pc:docMk/>
          <pc:sldMk cId="4080756203" sldId="937"/>
        </pc:sldMkLst>
      </pc:sldChg>
      <pc:sldChg chg="addSp delSp modSp add mod ord modAnim">
        <pc:chgData name="Vagnarelli, Alessio" userId="7630aed0-756e-42de-813a-0c9638cc0479" providerId="ADAL" clId="{A66496D5-9BA6-4EEB-9B69-0C583C664D08}" dt="2025-04-13T15:13:08.098" v="4467"/>
        <pc:sldMkLst>
          <pc:docMk/>
          <pc:sldMk cId="2484564217" sldId="938"/>
        </pc:sldMkLst>
        <pc:spChg chg="del mod">
          <ac:chgData name="Vagnarelli, Alessio" userId="7630aed0-756e-42de-813a-0c9638cc0479" providerId="ADAL" clId="{A66496D5-9BA6-4EEB-9B69-0C583C664D08}" dt="2025-04-11T18:39:41.486" v="3867" actId="21"/>
          <ac:spMkLst>
            <pc:docMk/>
            <pc:sldMk cId="2484564217" sldId="938"/>
            <ac:spMk id="2" creationId="{AFCABA23-0A12-B9C6-05DB-345215216892}"/>
          </ac:spMkLst>
        </pc:spChg>
        <pc:spChg chg="add mod">
          <ac:chgData name="Vagnarelli, Alessio" userId="7630aed0-756e-42de-813a-0c9638cc0479" providerId="ADAL" clId="{A66496D5-9BA6-4EEB-9B69-0C583C664D08}" dt="2025-04-11T18:54:44.205" v="4113" actId="115"/>
          <ac:spMkLst>
            <pc:docMk/>
            <pc:sldMk cId="2484564217" sldId="938"/>
            <ac:spMk id="3" creationId="{CEAC53A6-A6FF-0CEE-E361-FA602A95D734}"/>
          </ac:spMkLst>
        </pc:spChg>
        <pc:spChg chg="mod">
          <ac:chgData name="Vagnarelli, Alessio" userId="7630aed0-756e-42de-813a-0c9638cc0479" providerId="ADAL" clId="{A66496D5-9BA6-4EEB-9B69-0C583C664D08}" dt="2025-04-11T18:25:20.012" v="3123" actId="20577"/>
          <ac:spMkLst>
            <pc:docMk/>
            <pc:sldMk cId="2484564217" sldId="938"/>
            <ac:spMk id="5" creationId="{9EBB666A-D6FD-85CA-5426-A578F68FDA0E}"/>
          </ac:spMkLst>
        </pc:spChg>
        <pc:spChg chg="mod">
          <ac:chgData name="Vagnarelli, Alessio" userId="7630aed0-756e-42de-813a-0c9638cc0479" providerId="ADAL" clId="{A66496D5-9BA6-4EEB-9B69-0C583C664D08}" dt="2025-04-11T18:45:39.428" v="4055" actId="1076"/>
          <ac:spMkLst>
            <pc:docMk/>
            <pc:sldMk cId="2484564217" sldId="938"/>
            <ac:spMk id="6" creationId="{9ABAE42A-9DCD-C432-7122-8AE45783B5E1}"/>
          </ac:spMkLst>
        </pc:spChg>
        <pc:spChg chg="add del mod">
          <ac:chgData name="Vagnarelli, Alessio" userId="7630aed0-756e-42de-813a-0c9638cc0479" providerId="ADAL" clId="{A66496D5-9BA6-4EEB-9B69-0C583C664D08}" dt="2025-04-11T18:44:01.908" v="4047"/>
          <ac:spMkLst>
            <pc:docMk/>
            <pc:sldMk cId="2484564217" sldId="938"/>
            <ac:spMk id="7" creationId="{C4243B25-9E69-DEAB-BA19-518B219FE413}"/>
          </ac:spMkLst>
        </pc:spChg>
        <pc:spChg chg="add mod">
          <ac:chgData name="Vagnarelli, Alessio" userId="7630aed0-756e-42de-813a-0c9638cc0479" providerId="ADAL" clId="{A66496D5-9BA6-4EEB-9B69-0C583C664D08}" dt="2025-04-11T18:45:13.272" v="4053" actId="14100"/>
          <ac:spMkLst>
            <pc:docMk/>
            <pc:sldMk cId="2484564217" sldId="938"/>
            <ac:spMk id="8" creationId="{97D93D51-65A3-DF94-A643-0BEEA34D4DF0}"/>
          </ac:spMkLst>
        </pc:spChg>
        <pc:spChg chg="add mod">
          <ac:chgData name="Vagnarelli, Alessio" userId="7630aed0-756e-42de-813a-0c9638cc0479" providerId="ADAL" clId="{A66496D5-9BA6-4EEB-9B69-0C583C664D08}" dt="2025-04-11T18:48:43.654" v="4087" actId="14100"/>
          <ac:spMkLst>
            <pc:docMk/>
            <pc:sldMk cId="2484564217" sldId="938"/>
            <ac:spMk id="9" creationId="{1A963DD2-AEA2-3472-4FC1-33FBEA01EA2E}"/>
          </ac:spMkLst>
        </pc:spChg>
      </pc:sldChg>
      <pc:sldChg chg="delSp add del mod">
        <pc:chgData name="Vagnarelli, Alessio" userId="7630aed0-756e-42de-813a-0c9638cc0479" providerId="ADAL" clId="{A66496D5-9BA6-4EEB-9B69-0C583C664D08}" dt="2025-04-11T18:23:45.391" v="3073" actId="2696"/>
        <pc:sldMkLst>
          <pc:docMk/>
          <pc:sldMk cId="3626847188" sldId="938"/>
        </pc:sldMkLst>
        <pc:spChg chg="del">
          <ac:chgData name="Vagnarelli, Alessio" userId="7630aed0-756e-42de-813a-0c9638cc0479" providerId="ADAL" clId="{A66496D5-9BA6-4EEB-9B69-0C583C664D08}" dt="2025-04-11T18:23:41.678" v="3072" actId="21"/>
          <ac:spMkLst>
            <pc:docMk/>
            <pc:sldMk cId="3626847188" sldId="938"/>
            <ac:spMk id="6" creationId="{9ABAE42A-9DCD-C432-7122-8AE45783B5E1}"/>
          </ac:spMkLst>
        </pc:spChg>
      </pc:sldChg>
      <pc:sldChg chg="add del">
        <pc:chgData name="Vagnarelli, Alessio" userId="7630aed0-756e-42de-813a-0c9638cc0479" providerId="ADAL" clId="{A66496D5-9BA6-4EEB-9B69-0C583C664D08}" dt="2025-04-11T18:19:10.099" v="3006" actId="47"/>
        <pc:sldMkLst>
          <pc:docMk/>
          <pc:sldMk cId="4056267921" sldId="938"/>
        </pc:sldMkLst>
      </pc:sldChg>
      <pc:sldChg chg="modSp add del mod">
        <pc:chgData name="Vagnarelli, Alessio" userId="7630aed0-756e-42de-813a-0c9638cc0479" providerId="ADAL" clId="{A66496D5-9BA6-4EEB-9B69-0C583C664D08}" dt="2025-04-11T18:19:05.874" v="3005" actId="47"/>
        <pc:sldMkLst>
          <pc:docMk/>
          <pc:sldMk cId="461373273" sldId="939"/>
        </pc:sldMkLst>
        <pc:spChg chg="mod">
          <ac:chgData name="Vagnarelli, Alessio" userId="7630aed0-756e-42de-813a-0c9638cc0479" providerId="ADAL" clId="{A66496D5-9BA6-4EEB-9B69-0C583C664D08}" dt="2025-04-11T18:12:31.110" v="2946" actId="6549"/>
          <ac:spMkLst>
            <pc:docMk/>
            <pc:sldMk cId="461373273" sldId="939"/>
            <ac:spMk id="6" creationId="{9ABAE42A-9DCD-C432-7122-8AE45783B5E1}"/>
          </ac:spMkLst>
        </pc:spChg>
      </pc:sldChg>
      <pc:sldChg chg="add del">
        <pc:chgData name="Vagnarelli, Alessio" userId="7630aed0-756e-42de-813a-0c9638cc0479" providerId="ADAL" clId="{A66496D5-9BA6-4EEB-9B69-0C583C664D08}" dt="2025-04-11T18:29:29.482" v="3236" actId="47"/>
        <pc:sldMkLst>
          <pc:docMk/>
          <pc:sldMk cId="1452343873" sldId="939"/>
        </pc:sldMkLst>
      </pc:sldChg>
      <pc:sldChg chg="modSp add del mod">
        <pc:chgData name="Vagnarelli, Alessio" userId="7630aed0-756e-42de-813a-0c9638cc0479" providerId="ADAL" clId="{A66496D5-9BA6-4EEB-9B69-0C583C664D08}" dt="2025-04-11T18:55:13.146" v="4114" actId="47"/>
        <pc:sldMkLst>
          <pc:docMk/>
          <pc:sldMk cId="1988227513" sldId="939"/>
        </pc:sldMkLst>
        <pc:spChg chg="mod">
          <ac:chgData name="Vagnarelli, Alessio" userId="7630aed0-756e-42de-813a-0c9638cc0479" providerId="ADAL" clId="{A66496D5-9BA6-4EEB-9B69-0C583C664D08}" dt="2025-04-11T18:34:05.842" v="3244"/>
          <ac:spMkLst>
            <pc:docMk/>
            <pc:sldMk cId="1988227513" sldId="939"/>
            <ac:spMk id="6" creationId="{9ABAE42A-9DCD-C432-7122-8AE45783B5E1}"/>
          </ac:spMkLst>
        </pc:spChg>
      </pc:sldChg>
      <pc:sldChg chg="addSp delSp modSp add del mod">
        <pc:chgData name="Vagnarelli, Alessio" userId="7630aed0-756e-42de-813a-0c9638cc0479" providerId="ADAL" clId="{A66496D5-9BA6-4EEB-9B69-0C583C664D08}" dt="2025-04-11T16:12:24.933" v="1797" actId="47"/>
        <pc:sldMkLst>
          <pc:docMk/>
          <pc:sldMk cId="3946664077" sldId="939"/>
        </pc:sldMkLst>
        <pc:spChg chg="add del">
          <ac:chgData name="Vagnarelli, Alessio" userId="7630aed0-756e-42de-813a-0c9638cc0479" providerId="ADAL" clId="{A66496D5-9BA6-4EEB-9B69-0C583C664D08}" dt="2025-04-11T16:11:32.419" v="1789" actId="22"/>
          <ac:spMkLst>
            <pc:docMk/>
            <pc:sldMk cId="3946664077" sldId="939"/>
            <ac:spMk id="3" creationId="{E6A5E98D-97E0-3B9D-FB71-E5E3F0882068}"/>
          </ac:spMkLst>
        </pc:spChg>
        <pc:spChg chg="add mod">
          <ac:chgData name="Vagnarelli, Alessio" userId="7630aed0-756e-42de-813a-0c9638cc0479" providerId="ADAL" clId="{A66496D5-9BA6-4EEB-9B69-0C583C664D08}" dt="2025-04-11T16:12:13.499" v="1793" actId="1076"/>
          <ac:spMkLst>
            <pc:docMk/>
            <pc:sldMk cId="3946664077" sldId="939"/>
            <ac:spMk id="4" creationId="{912006B7-FAD1-8980-89D7-4C28E4506BD6}"/>
          </ac:spMkLst>
        </pc:spChg>
        <pc:spChg chg="add del mod">
          <ac:chgData name="Vagnarelli, Alessio" userId="7630aed0-756e-42de-813a-0c9638cc0479" providerId="ADAL" clId="{A66496D5-9BA6-4EEB-9B69-0C583C664D08}" dt="2025-04-11T16:11:36.250" v="1790" actId="21"/>
          <ac:spMkLst>
            <pc:docMk/>
            <pc:sldMk cId="3946664077" sldId="939"/>
            <ac:spMk id="6" creationId="{9ABAE42A-9DCD-C432-7122-8AE45783B5E1}"/>
          </ac:spMkLst>
        </pc:spChg>
        <pc:spChg chg="add mod">
          <ac:chgData name="Vagnarelli, Alessio" userId="7630aed0-756e-42de-813a-0c9638cc0479" providerId="ADAL" clId="{A66496D5-9BA6-4EEB-9B69-0C583C664D08}" dt="2025-04-11T16:12:13.499" v="1793" actId="1076"/>
          <ac:spMkLst>
            <pc:docMk/>
            <pc:sldMk cId="3946664077" sldId="939"/>
            <ac:spMk id="7" creationId="{37161E5B-AE70-152F-8A2A-F89BF5BD6F29}"/>
          </ac:spMkLst>
        </pc:spChg>
        <pc:spChg chg="add mod">
          <ac:chgData name="Vagnarelli, Alessio" userId="7630aed0-756e-42de-813a-0c9638cc0479" providerId="ADAL" clId="{A66496D5-9BA6-4EEB-9B69-0C583C664D08}" dt="2025-04-11T16:12:13.499" v="1793" actId="1076"/>
          <ac:spMkLst>
            <pc:docMk/>
            <pc:sldMk cId="3946664077" sldId="939"/>
            <ac:spMk id="8" creationId="{1114A6EB-02F5-5018-FCC3-A772A7159D9B}"/>
          </ac:spMkLst>
        </pc:spChg>
        <pc:spChg chg="add mod">
          <ac:chgData name="Vagnarelli, Alessio" userId="7630aed0-756e-42de-813a-0c9638cc0479" providerId="ADAL" clId="{A66496D5-9BA6-4EEB-9B69-0C583C664D08}" dt="2025-04-11T16:12:20.198" v="1796" actId="1076"/>
          <ac:spMkLst>
            <pc:docMk/>
            <pc:sldMk cId="3946664077" sldId="939"/>
            <ac:spMk id="10" creationId="{BA9FE946-22B8-01A1-E1B0-F11F0BB27469}"/>
          </ac:spMkLst>
        </pc:spChg>
      </pc:sldChg>
      <pc:sldChg chg="modAnim">
        <pc:chgData name="Vagnarelli, Alessio" userId="7630aed0-756e-42de-813a-0c9638cc0479" providerId="ADAL" clId="{A66496D5-9BA6-4EEB-9B69-0C583C664D08}" dt="2025-04-13T15:14:37.915" v="4474"/>
        <pc:sldMkLst>
          <pc:docMk/>
          <pc:sldMk cId="4187572620" sldId="939"/>
        </pc:sldMkLst>
      </pc:sldChg>
      <pc:sldChg chg="modAnim">
        <pc:chgData name="Vagnarelli, Alessio" userId="7630aed0-756e-42de-813a-0c9638cc0479" providerId="ADAL" clId="{A66496D5-9BA6-4EEB-9B69-0C583C664D08}" dt="2025-04-13T15:13:58.074" v="4469"/>
        <pc:sldMkLst>
          <pc:docMk/>
          <pc:sldMk cId="890564415" sldId="940"/>
        </pc:sldMkLst>
      </pc:sldChg>
      <pc:sldChg chg="modAnim">
        <pc:chgData name="Vagnarelli, Alessio" userId="7630aed0-756e-42de-813a-0c9638cc0479" providerId="ADAL" clId="{A66496D5-9BA6-4EEB-9B69-0C583C664D08}" dt="2025-04-13T15:14:10.011" v="4471"/>
        <pc:sldMkLst>
          <pc:docMk/>
          <pc:sldMk cId="1982507334" sldId="941"/>
        </pc:sldMkLst>
      </pc:sldChg>
      <pc:sldChg chg="modAnim">
        <pc:chgData name="Vagnarelli, Alessio" userId="7630aed0-756e-42de-813a-0c9638cc0479" providerId="ADAL" clId="{A66496D5-9BA6-4EEB-9B69-0C583C664D08}" dt="2025-04-13T15:22:15.644" v="4488"/>
        <pc:sldMkLst>
          <pc:docMk/>
          <pc:sldMk cId="702874749" sldId="942"/>
        </pc:sldMkLst>
      </pc:sldChg>
      <pc:sldChg chg="modSp modAnim">
        <pc:chgData name="Vagnarelli, Alessio" userId="7630aed0-756e-42de-813a-0c9638cc0479" providerId="ADAL" clId="{A66496D5-9BA6-4EEB-9B69-0C583C664D08}" dt="2025-04-13T15:14:42.900" v="4475"/>
        <pc:sldMkLst>
          <pc:docMk/>
          <pc:sldMk cId="2757573144" sldId="943"/>
        </pc:sldMkLst>
        <pc:spChg chg="mod">
          <ac:chgData name="Vagnarelli, Alessio" userId="7630aed0-756e-42de-813a-0c9638cc0479" providerId="ADAL" clId="{A66496D5-9BA6-4EEB-9B69-0C583C664D08}" dt="2025-04-13T14:16:01.247" v="4117" actId="113"/>
          <ac:spMkLst>
            <pc:docMk/>
            <pc:sldMk cId="2757573144" sldId="943"/>
            <ac:spMk id="3" creationId="{4F3C014F-ED6E-A52F-9B4E-05052B89F447}"/>
          </ac:spMkLst>
        </pc:spChg>
        <pc:spChg chg="mod">
          <ac:chgData name="Vagnarelli, Alessio" userId="7630aed0-756e-42de-813a-0c9638cc0479" providerId="ADAL" clId="{A66496D5-9BA6-4EEB-9B69-0C583C664D08}" dt="2025-04-13T14:23:59.994" v="4139" actId="20577"/>
          <ac:spMkLst>
            <pc:docMk/>
            <pc:sldMk cId="2757573144" sldId="943"/>
            <ac:spMk id="6" creationId="{4ACB33DA-E597-DEA4-B028-DB24D0347CF7}"/>
          </ac:spMkLst>
        </pc:spChg>
      </pc:sldChg>
      <pc:sldChg chg="addSp delSp modSp mod delAnim modAnim">
        <pc:chgData name="Vagnarelli, Alessio" userId="7630aed0-756e-42de-813a-0c9638cc0479" providerId="ADAL" clId="{A66496D5-9BA6-4EEB-9B69-0C583C664D08}" dt="2025-04-14T08:22:44.547" v="4703" actId="20577"/>
        <pc:sldMkLst>
          <pc:docMk/>
          <pc:sldMk cId="3851401578" sldId="945"/>
        </pc:sldMkLst>
        <pc:spChg chg="del mod">
          <ac:chgData name="Vagnarelli, Alessio" userId="7630aed0-756e-42de-813a-0c9638cc0479" providerId="ADAL" clId="{A66496D5-9BA6-4EEB-9B69-0C583C664D08}" dt="2025-04-13T14:50:09.169" v="4202"/>
          <ac:spMkLst>
            <pc:docMk/>
            <pc:sldMk cId="3851401578" sldId="945"/>
            <ac:spMk id="2" creationId="{C69712F9-4B0F-C2D7-A761-FED62ED797D3}"/>
          </ac:spMkLst>
        </pc:spChg>
        <pc:spChg chg="del">
          <ac:chgData name="Vagnarelli, Alessio" userId="7630aed0-756e-42de-813a-0c9638cc0479" providerId="ADAL" clId="{A66496D5-9BA6-4EEB-9B69-0C583C664D08}" dt="2025-04-13T14:51:06.731" v="4212" actId="21"/>
          <ac:spMkLst>
            <pc:docMk/>
            <pc:sldMk cId="3851401578" sldId="945"/>
            <ac:spMk id="4" creationId="{8E12DEF2-0BE8-CB78-5759-153CBD58974A}"/>
          </ac:spMkLst>
        </pc:spChg>
        <pc:spChg chg="del mod">
          <ac:chgData name="Vagnarelli, Alessio" userId="7630aed0-756e-42de-813a-0c9638cc0479" providerId="ADAL" clId="{A66496D5-9BA6-4EEB-9B69-0C583C664D08}" dt="2025-04-13T14:55:07.743" v="4395" actId="21"/>
          <ac:spMkLst>
            <pc:docMk/>
            <pc:sldMk cId="3851401578" sldId="945"/>
            <ac:spMk id="7" creationId="{39BE575D-B276-A6DD-79DD-3F31170A4EB2}"/>
          </ac:spMkLst>
        </pc:spChg>
        <pc:spChg chg="add mod">
          <ac:chgData name="Vagnarelli, Alessio" userId="7630aed0-756e-42de-813a-0c9638cc0479" providerId="ADAL" clId="{A66496D5-9BA6-4EEB-9B69-0C583C664D08}" dt="2025-04-13T14:55:13.087" v="4396" actId="1076"/>
          <ac:spMkLst>
            <pc:docMk/>
            <pc:sldMk cId="3851401578" sldId="945"/>
            <ac:spMk id="8" creationId="{8FB13833-52BF-FB87-5302-7C9CD322D8F1}"/>
          </ac:spMkLst>
        </pc:spChg>
        <pc:spChg chg="add mod">
          <ac:chgData name="Vagnarelli, Alessio" userId="7630aed0-756e-42de-813a-0c9638cc0479" providerId="ADAL" clId="{A66496D5-9BA6-4EEB-9B69-0C583C664D08}" dt="2025-04-13T14:55:44.768" v="4400"/>
          <ac:spMkLst>
            <pc:docMk/>
            <pc:sldMk cId="3851401578" sldId="945"/>
            <ac:spMk id="11" creationId="{61081824-B99A-282C-7A6A-765398443BC3}"/>
          </ac:spMkLst>
        </pc:spChg>
        <pc:spChg chg="add mod">
          <ac:chgData name="Vagnarelli, Alessio" userId="7630aed0-756e-42de-813a-0c9638cc0479" providerId="ADAL" clId="{A66496D5-9BA6-4EEB-9B69-0C583C664D08}" dt="2025-04-13T14:55:44.768" v="4400"/>
          <ac:spMkLst>
            <pc:docMk/>
            <pc:sldMk cId="3851401578" sldId="945"/>
            <ac:spMk id="12" creationId="{62DFC1A7-98FF-6D5B-42ED-C0F11AFEB31F}"/>
          </ac:spMkLst>
        </pc:spChg>
        <pc:spChg chg="add mod">
          <ac:chgData name="Vagnarelli, Alessio" userId="7630aed0-756e-42de-813a-0c9638cc0479" providerId="ADAL" clId="{A66496D5-9BA6-4EEB-9B69-0C583C664D08}" dt="2025-04-13T14:57:21.195" v="4419"/>
          <ac:spMkLst>
            <pc:docMk/>
            <pc:sldMk cId="3851401578" sldId="945"/>
            <ac:spMk id="15" creationId="{939D4F73-85C9-6058-FEA4-62FEC53C9A08}"/>
          </ac:spMkLst>
        </pc:spChg>
        <pc:spChg chg="add mod">
          <ac:chgData name="Vagnarelli, Alessio" userId="7630aed0-756e-42de-813a-0c9638cc0479" providerId="ADAL" clId="{A66496D5-9BA6-4EEB-9B69-0C583C664D08}" dt="2025-04-13T14:57:21.195" v="4419"/>
          <ac:spMkLst>
            <pc:docMk/>
            <pc:sldMk cId="3851401578" sldId="945"/>
            <ac:spMk id="16" creationId="{2638F4AB-49E0-3825-F436-801ABADC48E9}"/>
          </ac:spMkLst>
        </pc:spChg>
        <pc:grpChg chg="add mod">
          <ac:chgData name="Vagnarelli, Alessio" userId="7630aed0-756e-42de-813a-0c9638cc0479" providerId="ADAL" clId="{A66496D5-9BA6-4EEB-9B69-0C583C664D08}" dt="2025-04-13T14:55:44.768" v="4400"/>
          <ac:grpSpMkLst>
            <pc:docMk/>
            <pc:sldMk cId="3851401578" sldId="945"/>
            <ac:grpSpMk id="10" creationId="{4CB4C202-29EB-D75B-C4BE-EA09332639BC}"/>
          </ac:grpSpMkLst>
        </pc:grpChg>
        <pc:grpChg chg="add mod">
          <ac:chgData name="Vagnarelli, Alessio" userId="7630aed0-756e-42de-813a-0c9638cc0479" providerId="ADAL" clId="{A66496D5-9BA6-4EEB-9B69-0C583C664D08}" dt="2025-04-13T14:57:21.195" v="4419"/>
          <ac:grpSpMkLst>
            <pc:docMk/>
            <pc:sldMk cId="3851401578" sldId="945"/>
            <ac:grpSpMk id="14" creationId="{CA2FCB53-5588-9983-3182-688EBA197819}"/>
          </ac:grpSpMkLst>
        </pc:grpChg>
        <pc:graphicFrameChg chg="add mod modGraphic">
          <ac:chgData name="Vagnarelli, Alessio" userId="7630aed0-756e-42de-813a-0c9638cc0479" providerId="ADAL" clId="{A66496D5-9BA6-4EEB-9B69-0C583C664D08}" dt="2025-04-14T08:22:44.547" v="4703" actId="20577"/>
          <ac:graphicFrameMkLst>
            <pc:docMk/>
            <pc:sldMk cId="3851401578" sldId="945"/>
            <ac:graphicFrameMk id="3" creationId="{D1712B42-A7C3-1F73-7CC2-7AB09B552895}"/>
          </ac:graphicFrameMkLst>
        </pc:graphicFrameChg>
        <pc:graphicFrameChg chg="add del mod modGraphic">
          <ac:chgData name="Vagnarelli, Alessio" userId="7630aed0-756e-42de-813a-0c9638cc0479" providerId="ADAL" clId="{A66496D5-9BA6-4EEB-9B69-0C583C664D08}" dt="2025-04-13T14:55:04.757" v="4394" actId="21"/>
          <ac:graphicFrameMkLst>
            <pc:docMk/>
            <pc:sldMk cId="3851401578" sldId="945"/>
            <ac:graphicFrameMk id="6" creationId="{3A459BEE-B83A-F2F5-E62E-1DC68BEEBC62}"/>
          </ac:graphicFrameMkLst>
        </pc:graphicFrameChg>
        <pc:graphicFrameChg chg="add mod">
          <ac:chgData name="Vagnarelli, Alessio" userId="7630aed0-756e-42de-813a-0c9638cc0479" providerId="ADAL" clId="{A66496D5-9BA6-4EEB-9B69-0C583C664D08}" dt="2025-04-13T14:58:53.976" v="4434" actId="20577"/>
          <ac:graphicFrameMkLst>
            <pc:docMk/>
            <pc:sldMk cId="3851401578" sldId="945"/>
            <ac:graphicFrameMk id="9" creationId="{A663BF27-C597-A5C7-DE81-0E9CEA1005DB}"/>
          </ac:graphicFrameMkLst>
        </pc:graphicFrameChg>
        <pc:graphicFrameChg chg="add del mod modGraphic">
          <ac:chgData name="Vagnarelli, Alessio" userId="7630aed0-756e-42de-813a-0c9638cc0479" providerId="ADAL" clId="{A66496D5-9BA6-4EEB-9B69-0C583C664D08}" dt="2025-04-13T14:57:02.498" v="4416" actId="21"/>
          <ac:graphicFrameMkLst>
            <pc:docMk/>
            <pc:sldMk cId="3851401578" sldId="945"/>
            <ac:graphicFrameMk id="13" creationId="{546176F6-3BE3-A087-F335-085CABE932FE}"/>
          </ac:graphicFrameMkLst>
        </pc:graphicFrameChg>
        <pc:graphicFrameChg chg="add mod">
          <ac:chgData name="Vagnarelli, Alessio" userId="7630aed0-756e-42de-813a-0c9638cc0479" providerId="ADAL" clId="{A66496D5-9BA6-4EEB-9B69-0C583C664D08}" dt="2025-04-13T14:59:15.825" v="4440" actId="20577"/>
          <ac:graphicFrameMkLst>
            <pc:docMk/>
            <pc:sldMk cId="3851401578" sldId="945"/>
            <ac:graphicFrameMk id="17" creationId="{C80F886C-3CCD-6B26-89B9-9CFF3F88A638}"/>
          </ac:graphicFrameMkLst>
        </pc:graphicFrameChg>
      </pc:sldChg>
      <pc:sldChg chg="add ord modAnim">
        <pc:chgData name="Vagnarelli, Alessio" userId="7630aed0-756e-42de-813a-0c9638cc0479" providerId="ADAL" clId="{A66496D5-9BA6-4EEB-9B69-0C583C664D08}" dt="2025-04-13T15:20:40.170" v="4480"/>
        <pc:sldMkLst>
          <pc:docMk/>
          <pc:sldMk cId="2767369075" sldId="946"/>
        </pc:sldMkLst>
      </pc:sldChg>
      <pc:sldChg chg="delSp modSp add mod ord delAnim modAnim">
        <pc:chgData name="Vagnarelli, Alessio" userId="7630aed0-756e-42de-813a-0c9638cc0479" providerId="ADAL" clId="{A66496D5-9BA6-4EEB-9B69-0C583C664D08}" dt="2025-04-14T08:22:51.036" v="4713" actId="20577"/>
        <pc:sldMkLst>
          <pc:docMk/>
          <pc:sldMk cId="2693279092" sldId="947"/>
        </pc:sldMkLst>
        <pc:spChg chg="mod">
          <ac:chgData name="Vagnarelli, Alessio" userId="7630aed0-756e-42de-813a-0c9638cc0479" providerId="ADAL" clId="{A66496D5-9BA6-4EEB-9B69-0C583C664D08}" dt="2025-04-13T14:58:33.528" v="4432" actId="1076"/>
          <ac:spMkLst>
            <pc:docMk/>
            <pc:sldMk cId="2693279092" sldId="947"/>
            <ac:spMk id="7" creationId="{39BE575D-B276-A6DD-79DD-3F31170A4EB2}"/>
          </ac:spMkLst>
        </pc:spChg>
        <pc:spChg chg="del">
          <ac:chgData name="Vagnarelli, Alessio" userId="7630aed0-756e-42de-813a-0c9638cc0479" providerId="ADAL" clId="{A66496D5-9BA6-4EEB-9B69-0C583C664D08}" dt="2025-04-13T14:57:50.654" v="4426" actId="21"/>
          <ac:spMkLst>
            <pc:docMk/>
            <pc:sldMk cId="2693279092" sldId="947"/>
            <ac:spMk id="8" creationId="{8FB13833-52BF-FB87-5302-7C9CD322D8F1}"/>
          </ac:spMkLst>
        </pc:spChg>
        <pc:graphicFrameChg chg="mod">
          <ac:chgData name="Vagnarelli, Alessio" userId="7630aed0-756e-42de-813a-0c9638cc0479" providerId="ADAL" clId="{A66496D5-9BA6-4EEB-9B69-0C583C664D08}" dt="2025-04-14T08:22:51.036" v="4713" actId="20577"/>
          <ac:graphicFrameMkLst>
            <pc:docMk/>
            <pc:sldMk cId="2693279092" sldId="947"/>
            <ac:graphicFrameMk id="3" creationId="{D1712B42-A7C3-1F73-7CC2-7AB09B552895}"/>
          </ac:graphicFrameMkLst>
        </pc:graphicFrameChg>
        <pc:graphicFrameChg chg="mod">
          <ac:chgData name="Vagnarelli, Alessio" userId="7630aed0-756e-42de-813a-0c9638cc0479" providerId="ADAL" clId="{A66496D5-9BA6-4EEB-9B69-0C583C664D08}" dt="2025-04-13T15:11:24.428" v="4463" actId="20577"/>
          <ac:graphicFrameMkLst>
            <pc:docMk/>
            <pc:sldMk cId="2693279092" sldId="947"/>
            <ac:graphicFrameMk id="6" creationId="{3A459BEE-B83A-F2F5-E62E-1DC68BEEBC62}"/>
          </ac:graphicFrameMkLst>
        </pc:graphicFrameChg>
        <pc:graphicFrameChg chg="del mod">
          <ac:chgData name="Vagnarelli, Alessio" userId="7630aed0-756e-42de-813a-0c9638cc0479" providerId="ADAL" clId="{A66496D5-9BA6-4EEB-9B69-0C583C664D08}" dt="2025-04-13T14:58:28.874" v="4430" actId="21"/>
          <ac:graphicFrameMkLst>
            <pc:docMk/>
            <pc:sldMk cId="2693279092" sldId="947"/>
            <ac:graphicFrameMk id="9" creationId="{A663BF27-C597-A5C7-DE81-0E9CEA1005DB}"/>
          </ac:graphicFrameMkLst>
        </pc:graphicFrameChg>
      </pc:sldChg>
      <pc:sldChg chg="addSp delSp modSp add mod delAnim">
        <pc:chgData name="Vagnarelli, Alessio" userId="7630aed0-756e-42de-813a-0c9638cc0479" providerId="ADAL" clId="{A66496D5-9BA6-4EEB-9B69-0C583C664D08}" dt="2025-04-13T15:04:42.175" v="4462" actId="1076"/>
        <pc:sldMkLst>
          <pc:docMk/>
          <pc:sldMk cId="2240018730" sldId="948"/>
        </pc:sldMkLst>
        <pc:spChg chg="del">
          <ac:chgData name="Vagnarelli, Alessio" userId="7630aed0-756e-42de-813a-0c9638cc0479" providerId="ADAL" clId="{A66496D5-9BA6-4EEB-9B69-0C583C664D08}" dt="2025-04-13T15:01:59.256" v="4445" actId="21"/>
          <ac:spMkLst>
            <pc:docMk/>
            <pc:sldMk cId="2240018730" sldId="948"/>
            <ac:spMk id="8" creationId="{8FB13833-52BF-FB87-5302-7C9CD322D8F1}"/>
          </ac:spMkLst>
        </pc:spChg>
        <pc:graphicFrameChg chg="del">
          <ac:chgData name="Vagnarelli, Alessio" userId="7630aed0-756e-42de-813a-0c9638cc0479" providerId="ADAL" clId="{A66496D5-9BA6-4EEB-9B69-0C583C664D08}" dt="2025-04-13T15:01:56.736" v="4444" actId="21"/>
          <ac:graphicFrameMkLst>
            <pc:docMk/>
            <pc:sldMk cId="2240018730" sldId="948"/>
            <ac:graphicFrameMk id="3" creationId="{D1712B42-A7C3-1F73-7CC2-7AB09B552895}"/>
          </ac:graphicFrameMkLst>
        </pc:graphicFrameChg>
        <pc:graphicFrameChg chg="del">
          <ac:chgData name="Vagnarelli, Alessio" userId="7630aed0-756e-42de-813a-0c9638cc0479" providerId="ADAL" clId="{A66496D5-9BA6-4EEB-9B69-0C583C664D08}" dt="2025-04-13T15:02:01.741" v="4446" actId="21"/>
          <ac:graphicFrameMkLst>
            <pc:docMk/>
            <pc:sldMk cId="2240018730" sldId="948"/>
            <ac:graphicFrameMk id="9" creationId="{A663BF27-C597-A5C7-DE81-0E9CEA1005DB}"/>
          </ac:graphicFrameMkLst>
        </pc:graphicFrameChg>
        <pc:graphicFrameChg chg="del">
          <ac:chgData name="Vagnarelli, Alessio" userId="7630aed0-756e-42de-813a-0c9638cc0479" providerId="ADAL" clId="{A66496D5-9BA6-4EEB-9B69-0C583C664D08}" dt="2025-04-13T15:02:09.390" v="4449" actId="21"/>
          <ac:graphicFrameMkLst>
            <pc:docMk/>
            <pc:sldMk cId="2240018730" sldId="948"/>
            <ac:graphicFrameMk id="17" creationId="{C80F886C-3CCD-6B26-89B9-9CFF3F88A638}"/>
          </ac:graphicFrameMkLst>
        </pc:graphicFrameChg>
        <pc:picChg chg="add del mod">
          <ac:chgData name="Vagnarelli, Alessio" userId="7630aed0-756e-42de-813a-0c9638cc0479" providerId="ADAL" clId="{A66496D5-9BA6-4EEB-9B69-0C583C664D08}" dt="2025-04-13T15:04:11.324" v="4457" actId="21"/>
          <ac:picMkLst>
            <pc:docMk/>
            <pc:sldMk cId="2240018730" sldId="948"/>
            <ac:picMk id="4" creationId="{0F5B6C88-F383-B987-5625-5E204EBF401C}"/>
          </ac:picMkLst>
        </pc:picChg>
        <pc:picChg chg="add mod">
          <ac:chgData name="Vagnarelli, Alessio" userId="7630aed0-756e-42de-813a-0c9638cc0479" providerId="ADAL" clId="{A66496D5-9BA6-4EEB-9B69-0C583C664D08}" dt="2025-04-13T15:04:42.175" v="4462" actId="1076"/>
          <ac:picMkLst>
            <pc:docMk/>
            <pc:sldMk cId="2240018730" sldId="948"/>
            <ac:picMk id="7" creationId="{C274A4A9-BA40-8FC0-0A21-FABF1D5C2288}"/>
          </ac:picMkLst>
        </pc:picChg>
      </pc:sldChg>
      <pc:sldMasterChg chg="del delSldLayout">
        <pc:chgData name="Vagnarelli, Alessio" userId="7630aed0-756e-42de-813a-0c9638cc0479" providerId="ADAL" clId="{A66496D5-9BA6-4EEB-9B69-0C583C664D08}" dt="2025-04-11T09:17:43.564" v="40" actId="47"/>
        <pc:sldMasterMkLst>
          <pc:docMk/>
          <pc:sldMasterMk cId="4181626967" sldId="2147483749"/>
        </pc:sldMasterMkLst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3850374984" sldId="2147483750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1592202286" sldId="2147483751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869671813" sldId="2147483752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1182823510" sldId="2147483753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3620574828" sldId="2147483754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4149139177" sldId="2147483755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1500110800" sldId="2147483756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917429913" sldId="2147483757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2757964316" sldId="2147483758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2077073130" sldId="2147483759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359241554" sldId="2147483760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1727767801" sldId="2147483761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4255793707" sldId="2147483762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3859432980" sldId="2147483763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192848468" sldId="2147483764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3101916174" sldId="2147483765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2914883668" sldId="2147483766"/>
          </pc:sldLayoutMkLst>
        </pc:sldLayoutChg>
        <pc:sldLayoutChg chg="del">
          <pc:chgData name="Vagnarelli, Alessio" userId="7630aed0-756e-42de-813a-0c9638cc0479" providerId="ADAL" clId="{A66496D5-9BA6-4EEB-9B69-0C583C664D08}" dt="2025-04-11T09:17:43.564" v="40" actId="47"/>
          <pc:sldLayoutMkLst>
            <pc:docMk/>
            <pc:sldMasterMk cId="4181626967" sldId="2147483749"/>
            <pc:sldLayoutMk cId="864261318" sldId="2147483767"/>
          </pc:sldLayoutMkLst>
        </pc:sldLayoutChg>
      </pc:sldMasterChg>
    </pc:docChg>
  </pc:docChgLst>
  <pc:docChgLst>
    <pc:chgData name="Vagnarelli, Alessio" userId="7630aed0-756e-42de-813a-0c9638cc0479" providerId="ADAL" clId="{6BB7F5CD-0FCF-4310-AC97-905B69459B24}"/>
    <pc:docChg chg="undo custSel delSld modSld sldOrd modSection">
      <pc:chgData name="Vagnarelli, Alessio" userId="7630aed0-756e-42de-813a-0c9638cc0479" providerId="ADAL" clId="{6BB7F5CD-0FCF-4310-AC97-905B69459B24}" dt="2024-11-27T11:54:49.530" v="438" actId="114"/>
      <pc:docMkLst>
        <pc:docMk/>
      </pc:docMkLst>
      <pc:sldChg chg="modSp mod setBg">
        <pc:chgData name="Vagnarelli, Alessio" userId="7630aed0-756e-42de-813a-0c9638cc0479" providerId="ADAL" clId="{6BB7F5CD-0FCF-4310-AC97-905B69459B24}" dt="2024-11-27T11:47:39.281" v="368" actId="6549"/>
        <pc:sldMkLst>
          <pc:docMk/>
          <pc:sldMk cId="2338008872" sldId="263"/>
        </pc:sldMkLst>
        <pc:spChg chg="mod">
          <ac:chgData name="Vagnarelli, Alessio" userId="7630aed0-756e-42de-813a-0c9638cc0479" providerId="ADAL" clId="{6BB7F5CD-0FCF-4310-AC97-905B69459B24}" dt="2024-11-26T16:41:33.839" v="120" actId="207"/>
          <ac:spMkLst>
            <pc:docMk/>
            <pc:sldMk cId="2338008872" sldId="263"/>
            <ac:spMk id="4" creationId="{00000000-0000-0000-0000-000000000000}"/>
          </ac:spMkLst>
        </pc:spChg>
        <pc:spChg chg="mod">
          <ac:chgData name="Vagnarelli, Alessio" userId="7630aed0-756e-42de-813a-0c9638cc0479" providerId="ADAL" clId="{6BB7F5CD-0FCF-4310-AC97-905B69459B24}" dt="2024-11-27T11:47:39.281" v="368" actId="6549"/>
          <ac:spMkLst>
            <pc:docMk/>
            <pc:sldMk cId="2338008872" sldId="263"/>
            <ac:spMk id="6" creationId="{00000000-0000-0000-0000-000000000000}"/>
          </ac:spMkLst>
        </pc:spChg>
      </pc:sldChg>
      <pc:sldChg chg="modSp mod setBg">
        <pc:chgData name="Vagnarelli, Alessio" userId="7630aed0-756e-42de-813a-0c9638cc0479" providerId="ADAL" clId="{6BB7F5CD-0FCF-4310-AC97-905B69459B24}" dt="2024-11-26T16:48:11.158" v="173" actId="1076"/>
        <pc:sldMkLst>
          <pc:docMk/>
          <pc:sldMk cId="2467030945" sldId="469"/>
        </pc:sldMkLst>
        <pc:spChg chg="mod">
          <ac:chgData name="Vagnarelli, Alessio" userId="7630aed0-756e-42de-813a-0c9638cc0479" providerId="ADAL" clId="{6BB7F5CD-0FCF-4310-AC97-905B69459B24}" dt="2024-11-26T16:45:09.506" v="155" actId="207"/>
          <ac:spMkLst>
            <pc:docMk/>
            <pc:sldMk cId="2467030945" sldId="469"/>
            <ac:spMk id="3" creationId="{00000000-0000-0000-0000-000000000000}"/>
          </ac:spMkLst>
        </pc:spChg>
        <pc:spChg chg="mod">
          <ac:chgData name="Vagnarelli, Alessio" userId="7630aed0-756e-42de-813a-0c9638cc0479" providerId="ADAL" clId="{6BB7F5CD-0FCF-4310-AC97-905B69459B24}" dt="2024-11-26T16:45:13.314" v="156" actId="207"/>
          <ac:spMkLst>
            <pc:docMk/>
            <pc:sldMk cId="2467030945" sldId="469"/>
            <ac:spMk id="4" creationId="{00000000-0000-0000-0000-000000000000}"/>
          </ac:spMkLst>
        </pc:spChg>
        <pc:spChg chg="mod">
          <ac:chgData name="Vagnarelli, Alessio" userId="7630aed0-756e-42de-813a-0c9638cc0479" providerId="ADAL" clId="{6BB7F5CD-0FCF-4310-AC97-905B69459B24}" dt="2024-11-26T16:45:18.167" v="157" actId="207"/>
          <ac:spMkLst>
            <pc:docMk/>
            <pc:sldMk cId="2467030945" sldId="469"/>
            <ac:spMk id="7" creationId="{9A6691BA-0854-D628-470D-722525AED093}"/>
          </ac:spMkLst>
        </pc:spChg>
        <pc:spChg chg="mod">
          <ac:chgData name="Vagnarelli, Alessio" userId="7630aed0-756e-42de-813a-0c9638cc0479" providerId="ADAL" clId="{6BB7F5CD-0FCF-4310-AC97-905B69459B24}" dt="2024-11-26T16:47:56.128" v="172" actId="207"/>
          <ac:spMkLst>
            <pc:docMk/>
            <pc:sldMk cId="2467030945" sldId="469"/>
            <ac:spMk id="17" creationId="{DDE252D7-6FE4-10BD-9C2C-92E5C8BF64AA}"/>
          </ac:spMkLst>
        </pc:spChg>
        <pc:spChg chg="mod">
          <ac:chgData name="Vagnarelli, Alessio" userId="7630aed0-756e-42de-813a-0c9638cc0479" providerId="ADAL" clId="{6BB7F5CD-0FCF-4310-AC97-905B69459B24}" dt="2024-11-26T16:45:22.972" v="158" actId="207"/>
          <ac:spMkLst>
            <pc:docMk/>
            <pc:sldMk cId="2467030945" sldId="469"/>
            <ac:spMk id="26" creationId="{774EBD6E-1694-758A-8928-2B4C093200CB}"/>
          </ac:spMkLst>
        </pc:spChg>
        <pc:picChg chg="mod">
          <ac:chgData name="Vagnarelli, Alessio" userId="7630aed0-756e-42de-813a-0c9638cc0479" providerId="ADAL" clId="{6BB7F5CD-0FCF-4310-AC97-905B69459B24}" dt="2024-11-26T16:48:11.158" v="173" actId="1076"/>
          <ac:picMkLst>
            <pc:docMk/>
            <pc:sldMk cId="2467030945" sldId="469"/>
            <ac:picMk id="34" creationId="{CD352A29-9495-7C53-B9AF-1DD59C9DB155}"/>
          </ac:picMkLst>
        </pc:picChg>
      </pc:sldChg>
      <pc:sldChg chg="modSp del mod setBg">
        <pc:chgData name="Vagnarelli, Alessio" userId="7630aed0-756e-42de-813a-0c9638cc0479" providerId="ADAL" clId="{6BB7F5CD-0FCF-4310-AC97-905B69459B24}" dt="2024-11-27T11:47:59.904" v="369" actId="2696"/>
        <pc:sldMkLst>
          <pc:docMk/>
          <pc:sldMk cId="1041853971" sldId="471"/>
        </pc:sldMkLst>
        <pc:spChg chg="mod">
          <ac:chgData name="Vagnarelli, Alessio" userId="7630aed0-756e-42de-813a-0c9638cc0479" providerId="ADAL" clId="{6BB7F5CD-0FCF-4310-AC97-905B69459B24}" dt="2024-11-26T16:45:36.913" v="160" actId="207"/>
          <ac:spMkLst>
            <pc:docMk/>
            <pc:sldMk cId="1041853971" sldId="471"/>
            <ac:spMk id="3" creationId="{00000000-0000-0000-0000-000000000000}"/>
          </ac:spMkLst>
        </pc:spChg>
        <pc:spChg chg="mod">
          <ac:chgData name="Vagnarelli, Alessio" userId="7630aed0-756e-42de-813a-0c9638cc0479" providerId="ADAL" clId="{6BB7F5CD-0FCF-4310-AC97-905B69459B24}" dt="2024-11-26T16:45:42.037" v="161" actId="207"/>
          <ac:spMkLst>
            <pc:docMk/>
            <pc:sldMk cId="1041853971" sldId="471"/>
            <ac:spMk id="4" creationId="{00000000-0000-0000-0000-000000000000}"/>
          </ac:spMkLst>
        </pc:spChg>
        <pc:spChg chg="mod">
          <ac:chgData name="Vagnarelli, Alessio" userId="7630aed0-756e-42de-813a-0c9638cc0479" providerId="ADAL" clId="{6BB7F5CD-0FCF-4310-AC97-905B69459B24}" dt="2024-11-26T16:45:33.060" v="159" actId="207"/>
          <ac:spMkLst>
            <pc:docMk/>
            <pc:sldMk cId="1041853971" sldId="471"/>
            <ac:spMk id="20" creationId="{1E2291F5-A44E-798F-203C-469611B92C87}"/>
          </ac:spMkLst>
        </pc:spChg>
      </pc:sldChg>
      <pc:sldChg chg="modSp mod setBg">
        <pc:chgData name="Vagnarelli, Alessio" userId="7630aed0-756e-42de-813a-0c9638cc0479" providerId="ADAL" clId="{6BB7F5CD-0FCF-4310-AC97-905B69459B24}" dt="2024-11-26T16:54:35.972" v="178" actId="207"/>
        <pc:sldMkLst>
          <pc:docMk/>
          <pc:sldMk cId="1049286935" sldId="485"/>
        </pc:sldMkLst>
        <pc:spChg chg="mod">
          <ac:chgData name="Vagnarelli, Alessio" userId="7630aed0-756e-42de-813a-0c9638cc0479" providerId="ADAL" clId="{6BB7F5CD-0FCF-4310-AC97-905B69459B24}" dt="2024-11-26T16:43:26.067" v="135" actId="207"/>
          <ac:spMkLst>
            <pc:docMk/>
            <pc:sldMk cId="1049286935" sldId="485"/>
            <ac:spMk id="3" creationId="{00000000-0000-0000-0000-000000000000}"/>
          </ac:spMkLst>
        </pc:spChg>
        <pc:spChg chg="mod">
          <ac:chgData name="Vagnarelli, Alessio" userId="7630aed0-756e-42de-813a-0c9638cc0479" providerId="ADAL" clId="{6BB7F5CD-0FCF-4310-AC97-905B69459B24}" dt="2024-11-26T16:43:30.273" v="136" actId="207"/>
          <ac:spMkLst>
            <pc:docMk/>
            <pc:sldMk cId="1049286935" sldId="485"/>
            <ac:spMk id="4" creationId="{00000000-0000-0000-0000-000000000000}"/>
          </ac:spMkLst>
        </pc:spChg>
        <pc:spChg chg="mod">
          <ac:chgData name="Vagnarelli, Alessio" userId="7630aed0-756e-42de-813a-0c9638cc0479" providerId="ADAL" clId="{6BB7F5CD-0FCF-4310-AC97-905B69459B24}" dt="2024-11-26T16:54:35.972" v="178" actId="207"/>
          <ac:spMkLst>
            <pc:docMk/>
            <pc:sldMk cId="1049286935" sldId="485"/>
            <ac:spMk id="8" creationId="{DA952727-D97E-13E8-E8C5-68BE65B3A0EC}"/>
          </ac:spMkLst>
        </pc:spChg>
        <pc:spChg chg="mod">
          <ac:chgData name="Vagnarelli, Alessio" userId="7630aed0-756e-42de-813a-0c9638cc0479" providerId="ADAL" clId="{6BB7F5CD-0FCF-4310-AC97-905B69459B24}" dt="2024-11-26T16:47:07.565" v="167" actId="207"/>
          <ac:spMkLst>
            <pc:docMk/>
            <pc:sldMk cId="1049286935" sldId="485"/>
            <ac:spMk id="9" creationId="{072CD72B-B7B3-3272-F840-1BD0645DA2DF}"/>
          </ac:spMkLst>
        </pc:spChg>
        <pc:spChg chg="mod">
          <ac:chgData name="Vagnarelli, Alessio" userId="7630aed0-756e-42de-813a-0c9638cc0479" providerId="ADAL" clId="{6BB7F5CD-0FCF-4310-AC97-905B69459B24}" dt="2024-11-26T16:43:47.443" v="140" actId="207"/>
          <ac:spMkLst>
            <pc:docMk/>
            <pc:sldMk cId="1049286935" sldId="485"/>
            <ac:spMk id="10" creationId="{6B40E0CD-14BF-085A-786E-B73DB87BF4B2}"/>
          </ac:spMkLst>
        </pc:spChg>
        <pc:spChg chg="mod">
          <ac:chgData name="Vagnarelli, Alessio" userId="7630aed0-756e-42de-813a-0c9638cc0479" providerId="ADAL" clId="{6BB7F5CD-0FCF-4310-AC97-905B69459B24}" dt="2024-11-26T16:43:53.166" v="141" actId="207"/>
          <ac:spMkLst>
            <pc:docMk/>
            <pc:sldMk cId="1049286935" sldId="485"/>
            <ac:spMk id="11" creationId="{DE893E94-CA4B-553B-C0A1-D312AF561113}"/>
          </ac:spMkLst>
        </pc:spChg>
        <pc:spChg chg="mod">
          <ac:chgData name="Vagnarelli, Alessio" userId="7630aed0-756e-42de-813a-0c9638cc0479" providerId="ADAL" clId="{6BB7F5CD-0FCF-4310-AC97-905B69459B24}" dt="2024-11-26T16:44:02.377" v="143" actId="207"/>
          <ac:spMkLst>
            <pc:docMk/>
            <pc:sldMk cId="1049286935" sldId="485"/>
            <ac:spMk id="12" creationId="{647193D3-42E4-6B67-1479-EAB150B04617}"/>
          </ac:spMkLst>
        </pc:spChg>
        <pc:spChg chg="mod">
          <ac:chgData name="Vagnarelli, Alessio" userId="7630aed0-756e-42de-813a-0c9638cc0479" providerId="ADAL" clId="{6BB7F5CD-0FCF-4310-AC97-905B69459B24}" dt="2024-11-26T16:44:13.016" v="145" actId="207"/>
          <ac:spMkLst>
            <pc:docMk/>
            <pc:sldMk cId="1049286935" sldId="485"/>
            <ac:spMk id="13" creationId="{B46BBBE1-3A6C-D477-BCF2-F18EAD1F2142}"/>
          </ac:spMkLst>
        </pc:spChg>
        <pc:spChg chg="mod">
          <ac:chgData name="Vagnarelli, Alessio" userId="7630aed0-756e-42de-813a-0c9638cc0479" providerId="ADAL" clId="{6BB7F5CD-0FCF-4310-AC97-905B69459B24}" dt="2024-11-26T16:44:18.466" v="146" actId="207"/>
          <ac:spMkLst>
            <pc:docMk/>
            <pc:sldMk cId="1049286935" sldId="485"/>
            <ac:spMk id="15" creationId="{5F5E2A85-B83A-FD64-7AE0-AB8A498BEB56}"/>
          </ac:spMkLst>
        </pc:spChg>
        <pc:spChg chg="mod">
          <ac:chgData name="Vagnarelli, Alessio" userId="7630aed0-756e-42de-813a-0c9638cc0479" providerId="ADAL" clId="{6BB7F5CD-0FCF-4310-AC97-905B69459B24}" dt="2024-11-26T16:43:58.011" v="142" actId="207"/>
          <ac:spMkLst>
            <pc:docMk/>
            <pc:sldMk cId="1049286935" sldId="485"/>
            <ac:spMk id="18" creationId="{18452698-F0DD-8B7C-5BC2-8BD1D54D9AEB}"/>
          </ac:spMkLst>
        </pc:spChg>
        <pc:spChg chg="mod">
          <ac:chgData name="Vagnarelli, Alessio" userId="7630aed0-756e-42de-813a-0c9638cc0479" providerId="ADAL" clId="{6BB7F5CD-0FCF-4310-AC97-905B69459B24}" dt="2024-11-26T16:44:07.543" v="144" actId="207"/>
          <ac:spMkLst>
            <pc:docMk/>
            <pc:sldMk cId="1049286935" sldId="485"/>
            <ac:spMk id="19" creationId="{95AD9446-B6F1-6A4F-41CA-B83B08A11BDF}"/>
          </ac:spMkLst>
        </pc:spChg>
        <pc:spChg chg="mod">
          <ac:chgData name="Vagnarelli, Alessio" userId="7630aed0-756e-42de-813a-0c9638cc0479" providerId="ADAL" clId="{6BB7F5CD-0FCF-4310-AC97-905B69459B24}" dt="2024-11-26T16:44:25.348" v="147" actId="207"/>
          <ac:spMkLst>
            <pc:docMk/>
            <pc:sldMk cId="1049286935" sldId="485"/>
            <ac:spMk id="20" creationId="{1ABC4C0A-879B-7319-81A2-C86A89057F4D}"/>
          </ac:spMkLst>
        </pc:spChg>
        <pc:spChg chg="mod">
          <ac:chgData name="Vagnarelli, Alessio" userId="7630aed0-756e-42de-813a-0c9638cc0479" providerId="ADAL" clId="{6BB7F5CD-0FCF-4310-AC97-905B69459B24}" dt="2024-11-26T16:44:32.753" v="149" actId="207"/>
          <ac:spMkLst>
            <pc:docMk/>
            <pc:sldMk cId="1049286935" sldId="485"/>
            <ac:spMk id="21" creationId="{4B3A17ED-E15A-F094-9078-05013DBE7063}"/>
          </ac:spMkLst>
        </pc:spChg>
        <pc:spChg chg="mod">
          <ac:chgData name="Vagnarelli, Alessio" userId="7630aed0-756e-42de-813a-0c9638cc0479" providerId="ADAL" clId="{6BB7F5CD-0FCF-4310-AC97-905B69459B24}" dt="2024-11-26T16:44:37.178" v="150" actId="207"/>
          <ac:spMkLst>
            <pc:docMk/>
            <pc:sldMk cId="1049286935" sldId="485"/>
            <ac:spMk id="22" creationId="{B3AFDE16-CF5C-0BFB-50B3-4F4ECD6D7622}"/>
          </ac:spMkLst>
        </pc:spChg>
        <pc:spChg chg="mod">
          <ac:chgData name="Vagnarelli, Alessio" userId="7630aed0-756e-42de-813a-0c9638cc0479" providerId="ADAL" clId="{6BB7F5CD-0FCF-4310-AC97-905B69459B24}" dt="2024-11-26T16:44:42.729" v="151" actId="207"/>
          <ac:spMkLst>
            <pc:docMk/>
            <pc:sldMk cId="1049286935" sldId="485"/>
            <ac:spMk id="23" creationId="{2B100C61-5072-13AF-D0FA-2C17D13A7CDA}"/>
          </ac:spMkLst>
        </pc:spChg>
        <pc:spChg chg="mod">
          <ac:chgData name="Vagnarelli, Alessio" userId="7630aed0-756e-42de-813a-0c9638cc0479" providerId="ADAL" clId="{6BB7F5CD-0FCF-4310-AC97-905B69459B24}" dt="2024-11-26T16:44:47.366" v="152" actId="207"/>
          <ac:spMkLst>
            <pc:docMk/>
            <pc:sldMk cId="1049286935" sldId="485"/>
            <ac:spMk id="25" creationId="{EF0A3013-43CF-00F0-12D2-658AFC21EE7E}"/>
          </ac:spMkLst>
        </pc:spChg>
        <pc:spChg chg="mod">
          <ac:chgData name="Vagnarelli, Alessio" userId="7630aed0-756e-42de-813a-0c9638cc0479" providerId="ADAL" clId="{6BB7F5CD-0FCF-4310-AC97-905B69459B24}" dt="2024-11-26T16:44:53.854" v="153" actId="207"/>
          <ac:spMkLst>
            <pc:docMk/>
            <pc:sldMk cId="1049286935" sldId="485"/>
            <ac:spMk id="26" creationId="{8E3C61CE-A94E-AAFF-03D8-1027B960AB33}"/>
          </ac:spMkLst>
        </pc:spChg>
      </pc:sldChg>
      <pc:sldChg chg="modSp mod setBg">
        <pc:chgData name="Vagnarelli, Alessio" userId="7630aed0-756e-42de-813a-0c9638cc0479" providerId="ADAL" clId="{6BB7F5CD-0FCF-4310-AC97-905B69459B24}" dt="2024-11-26T16:54:23.379" v="177" actId="207"/>
        <pc:sldMkLst>
          <pc:docMk/>
          <pc:sldMk cId="2173822530" sldId="887"/>
        </pc:sldMkLst>
        <pc:spChg chg="mod">
          <ac:chgData name="Vagnarelli, Alessio" userId="7630aed0-756e-42de-813a-0c9638cc0479" providerId="ADAL" clId="{6BB7F5CD-0FCF-4310-AC97-905B69459B24}" dt="2024-11-26T16:41:53.984" v="122" actId="207"/>
          <ac:spMkLst>
            <pc:docMk/>
            <pc:sldMk cId="2173822530" sldId="887"/>
            <ac:spMk id="3" creationId="{00000000-0000-0000-0000-000000000000}"/>
          </ac:spMkLst>
        </pc:spChg>
        <pc:spChg chg="mod">
          <ac:chgData name="Vagnarelli, Alessio" userId="7630aed0-756e-42de-813a-0c9638cc0479" providerId="ADAL" clId="{6BB7F5CD-0FCF-4310-AC97-905B69459B24}" dt="2024-11-26T16:41:59.108" v="123" actId="207"/>
          <ac:spMkLst>
            <pc:docMk/>
            <pc:sldMk cId="2173822530" sldId="887"/>
            <ac:spMk id="4" creationId="{00000000-0000-0000-0000-000000000000}"/>
          </ac:spMkLst>
        </pc:spChg>
        <pc:spChg chg="mod">
          <ac:chgData name="Vagnarelli, Alessio" userId="7630aed0-756e-42de-813a-0c9638cc0479" providerId="ADAL" clId="{6BB7F5CD-0FCF-4310-AC97-905B69459B24}" dt="2024-11-26T16:46:32.113" v="165" actId="207"/>
          <ac:spMkLst>
            <pc:docMk/>
            <pc:sldMk cId="2173822530" sldId="887"/>
            <ac:spMk id="8" creationId="{60855E79-10E7-7C63-9C21-CDEE5663FDC7}"/>
          </ac:spMkLst>
        </pc:spChg>
        <pc:spChg chg="mod">
          <ac:chgData name="Vagnarelli, Alessio" userId="7630aed0-756e-42de-813a-0c9638cc0479" providerId="ADAL" clId="{6BB7F5CD-0FCF-4310-AC97-905B69459B24}" dt="2024-11-26T16:42:12.314" v="125" actId="207"/>
          <ac:spMkLst>
            <pc:docMk/>
            <pc:sldMk cId="2173822530" sldId="887"/>
            <ac:spMk id="10" creationId="{0BA6A801-AB62-C6E8-AE11-A3C4A565C26F}"/>
          </ac:spMkLst>
        </pc:spChg>
        <pc:spChg chg="mod">
          <ac:chgData name="Vagnarelli, Alessio" userId="7630aed0-756e-42de-813a-0c9638cc0479" providerId="ADAL" clId="{6BB7F5CD-0FCF-4310-AC97-905B69459B24}" dt="2024-11-26T16:42:18.645" v="126" actId="207"/>
          <ac:spMkLst>
            <pc:docMk/>
            <pc:sldMk cId="2173822530" sldId="887"/>
            <ac:spMk id="12" creationId="{9330343A-B9B4-9FFD-8132-BB05A04D3341}"/>
          </ac:spMkLst>
        </pc:spChg>
        <pc:spChg chg="mod">
          <ac:chgData name="Vagnarelli, Alessio" userId="7630aed0-756e-42de-813a-0c9638cc0479" providerId="ADAL" clId="{6BB7F5CD-0FCF-4310-AC97-905B69459B24}" dt="2024-11-26T16:42:26.609" v="129" actId="207"/>
          <ac:spMkLst>
            <pc:docMk/>
            <pc:sldMk cId="2173822530" sldId="887"/>
            <ac:spMk id="13" creationId="{2945C8CF-CE69-55B8-E0BD-2CA03E55E380}"/>
          </ac:spMkLst>
        </pc:spChg>
        <pc:spChg chg="mod">
          <ac:chgData name="Vagnarelli, Alessio" userId="7630aed0-756e-42de-813a-0c9638cc0479" providerId="ADAL" clId="{6BB7F5CD-0FCF-4310-AC97-905B69459B24}" dt="2024-11-26T16:42:45.839" v="131" actId="207"/>
          <ac:spMkLst>
            <pc:docMk/>
            <pc:sldMk cId="2173822530" sldId="887"/>
            <ac:spMk id="14" creationId="{D1EEF422-B677-E9C5-8777-5624270AEA11}"/>
          </ac:spMkLst>
        </pc:spChg>
        <pc:spChg chg="mod">
          <ac:chgData name="Vagnarelli, Alessio" userId="7630aed0-756e-42de-813a-0c9638cc0479" providerId="ADAL" clId="{6BB7F5CD-0FCF-4310-AC97-905B69459B24}" dt="2024-11-26T16:42:52.153" v="132" actId="207"/>
          <ac:spMkLst>
            <pc:docMk/>
            <pc:sldMk cId="2173822530" sldId="887"/>
            <ac:spMk id="15" creationId="{60A00AF2-6BCA-21C0-765B-48A8D4BE54EC}"/>
          </ac:spMkLst>
        </pc:spChg>
        <pc:spChg chg="mod">
          <ac:chgData name="Vagnarelli, Alessio" userId="7630aed0-756e-42de-813a-0c9638cc0479" providerId="ADAL" clId="{6BB7F5CD-0FCF-4310-AC97-905B69459B24}" dt="2024-11-26T16:54:23.379" v="177" actId="207"/>
          <ac:spMkLst>
            <pc:docMk/>
            <pc:sldMk cId="2173822530" sldId="887"/>
            <ac:spMk id="18" creationId="{79E27EF0-1727-F3E5-2522-E8080DADF6CF}"/>
          </ac:spMkLst>
        </pc:spChg>
        <pc:spChg chg="mod">
          <ac:chgData name="Vagnarelli, Alessio" userId="7630aed0-756e-42de-813a-0c9638cc0479" providerId="ADAL" clId="{6BB7F5CD-0FCF-4310-AC97-905B69459B24}" dt="2024-11-26T16:52:27.940" v="175" actId="207"/>
          <ac:spMkLst>
            <pc:docMk/>
            <pc:sldMk cId="2173822530" sldId="887"/>
            <ac:spMk id="19" creationId="{7D88ADFD-5A81-5586-E58B-B4A1BA0E79F2}"/>
          </ac:spMkLst>
        </pc:spChg>
        <pc:spChg chg="mod">
          <ac:chgData name="Vagnarelli, Alessio" userId="7630aed0-756e-42de-813a-0c9638cc0479" providerId="ADAL" clId="{6BB7F5CD-0FCF-4310-AC97-905B69459B24}" dt="2024-11-26T16:42:39.239" v="130" actId="207"/>
          <ac:spMkLst>
            <pc:docMk/>
            <pc:sldMk cId="2173822530" sldId="887"/>
            <ac:spMk id="20" creationId="{6632C33B-3310-42CF-F54C-794DCCCAB9AD}"/>
          </ac:spMkLst>
        </pc:spChg>
      </pc:sldChg>
      <pc:sldChg chg="modSp">
        <pc:chgData name="Vagnarelli, Alessio" userId="7630aed0-756e-42de-813a-0c9638cc0479" providerId="ADAL" clId="{6BB7F5CD-0FCF-4310-AC97-905B69459B24}" dt="2024-11-27T11:26:49.136" v="204" actId="6549"/>
        <pc:sldMkLst>
          <pc:docMk/>
          <pc:sldMk cId="1708923643" sldId="893"/>
        </pc:sldMkLst>
        <pc:spChg chg="mod">
          <ac:chgData name="Vagnarelli, Alessio" userId="7630aed0-756e-42de-813a-0c9638cc0479" providerId="ADAL" clId="{6BB7F5CD-0FCF-4310-AC97-905B69459B24}" dt="2024-11-27T11:26:49.136" v="204" actId="6549"/>
          <ac:spMkLst>
            <pc:docMk/>
            <pc:sldMk cId="1708923643" sldId="893"/>
            <ac:spMk id="5" creationId="{020B0FD0-2384-455D-A77F-3F25414F12D9}"/>
          </ac:spMkLst>
        </pc:spChg>
      </pc:sldChg>
      <pc:sldChg chg="modSp">
        <pc:chgData name="Vagnarelli, Alessio" userId="7630aed0-756e-42de-813a-0c9638cc0479" providerId="ADAL" clId="{6BB7F5CD-0FCF-4310-AC97-905B69459B24}" dt="2024-11-27T11:28:49.635" v="214" actId="115"/>
        <pc:sldMkLst>
          <pc:docMk/>
          <pc:sldMk cId="2856221848" sldId="894"/>
        </pc:sldMkLst>
        <pc:spChg chg="mod">
          <ac:chgData name="Vagnarelli, Alessio" userId="7630aed0-756e-42de-813a-0c9638cc0479" providerId="ADAL" clId="{6BB7F5CD-0FCF-4310-AC97-905B69459B24}" dt="2024-11-27T11:28:49.635" v="214" actId="115"/>
          <ac:spMkLst>
            <pc:docMk/>
            <pc:sldMk cId="2856221848" sldId="894"/>
            <ac:spMk id="3" creationId="{EDBB151F-F353-9689-433B-CAFC09FA7125}"/>
          </ac:spMkLst>
        </pc:spChg>
      </pc:sldChg>
      <pc:sldChg chg="ord">
        <pc:chgData name="Vagnarelli, Alessio" userId="7630aed0-756e-42de-813a-0c9638cc0479" providerId="ADAL" clId="{6BB7F5CD-0FCF-4310-AC97-905B69459B24}" dt="2024-11-27T11:27:22.376" v="206"/>
        <pc:sldMkLst>
          <pc:docMk/>
          <pc:sldMk cId="365164194" sldId="895"/>
        </pc:sldMkLst>
      </pc:sldChg>
      <pc:sldChg chg="modSp">
        <pc:chgData name="Vagnarelli, Alessio" userId="7630aed0-756e-42de-813a-0c9638cc0479" providerId="ADAL" clId="{6BB7F5CD-0FCF-4310-AC97-905B69459B24}" dt="2024-11-27T11:29:43.477" v="216" actId="113"/>
        <pc:sldMkLst>
          <pc:docMk/>
          <pc:sldMk cId="3359644238" sldId="896"/>
        </pc:sldMkLst>
        <pc:spChg chg="mod">
          <ac:chgData name="Vagnarelli, Alessio" userId="7630aed0-756e-42de-813a-0c9638cc0479" providerId="ADAL" clId="{6BB7F5CD-0FCF-4310-AC97-905B69459B24}" dt="2024-11-27T11:29:43.477" v="216" actId="113"/>
          <ac:spMkLst>
            <pc:docMk/>
            <pc:sldMk cId="3359644238" sldId="896"/>
            <ac:spMk id="8" creationId="{7D23DC7D-F255-5FF0-D037-4BB7E397D4B9}"/>
          </ac:spMkLst>
        </pc:spChg>
      </pc:sldChg>
      <pc:sldChg chg="modSp">
        <pc:chgData name="Vagnarelli, Alessio" userId="7630aed0-756e-42de-813a-0c9638cc0479" providerId="ADAL" clId="{6BB7F5CD-0FCF-4310-AC97-905B69459B24}" dt="2024-11-27T11:30:46.799" v="220" actId="113"/>
        <pc:sldMkLst>
          <pc:docMk/>
          <pc:sldMk cId="3701640564" sldId="898"/>
        </pc:sldMkLst>
        <pc:spChg chg="mod">
          <ac:chgData name="Vagnarelli, Alessio" userId="7630aed0-756e-42de-813a-0c9638cc0479" providerId="ADAL" clId="{6BB7F5CD-0FCF-4310-AC97-905B69459B24}" dt="2024-11-27T11:30:46.799" v="220" actId="113"/>
          <ac:spMkLst>
            <pc:docMk/>
            <pc:sldMk cId="3701640564" sldId="898"/>
            <ac:spMk id="8" creationId="{7D23DC7D-F255-5FF0-D037-4BB7E397D4B9}"/>
          </ac:spMkLst>
        </pc:spChg>
      </pc:sldChg>
      <pc:sldChg chg="modSp">
        <pc:chgData name="Vagnarelli, Alessio" userId="7630aed0-756e-42de-813a-0c9638cc0479" providerId="ADAL" clId="{6BB7F5CD-0FCF-4310-AC97-905B69459B24}" dt="2024-11-27T11:32:01.415" v="225" actId="115"/>
        <pc:sldMkLst>
          <pc:docMk/>
          <pc:sldMk cId="3579948103" sldId="899"/>
        </pc:sldMkLst>
        <pc:spChg chg="mod">
          <ac:chgData name="Vagnarelli, Alessio" userId="7630aed0-756e-42de-813a-0c9638cc0479" providerId="ADAL" clId="{6BB7F5CD-0FCF-4310-AC97-905B69459B24}" dt="2024-11-27T11:32:01.415" v="225" actId="115"/>
          <ac:spMkLst>
            <pc:docMk/>
            <pc:sldMk cId="3579948103" sldId="899"/>
            <ac:spMk id="8" creationId="{7D23DC7D-F255-5FF0-D037-4BB7E397D4B9}"/>
          </ac:spMkLst>
        </pc:spChg>
      </pc:sldChg>
      <pc:sldChg chg="modSp">
        <pc:chgData name="Vagnarelli, Alessio" userId="7630aed0-756e-42de-813a-0c9638cc0479" providerId="ADAL" clId="{6BB7F5CD-0FCF-4310-AC97-905B69459B24}" dt="2024-11-27T11:31:14.990" v="223" actId="113"/>
        <pc:sldMkLst>
          <pc:docMk/>
          <pc:sldMk cId="3745674210" sldId="900"/>
        </pc:sldMkLst>
        <pc:spChg chg="mod">
          <ac:chgData name="Vagnarelli, Alessio" userId="7630aed0-756e-42de-813a-0c9638cc0479" providerId="ADAL" clId="{6BB7F5CD-0FCF-4310-AC97-905B69459B24}" dt="2024-11-27T11:31:14.990" v="223" actId="113"/>
          <ac:spMkLst>
            <pc:docMk/>
            <pc:sldMk cId="3745674210" sldId="900"/>
            <ac:spMk id="8" creationId="{7D23DC7D-F255-5FF0-D037-4BB7E397D4B9}"/>
          </ac:spMkLst>
        </pc:spChg>
      </pc:sldChg>
      <pc:sldChg chg="modSp">
        <pc:chgData name="Vagnarelli, Alessio" userId="7630aed0-756e-42de-813a-0c9638cc0479" providerId="ADAL" clId="{6BB7F5CD-0FCF-4310-AC97-905B69459B24}" dt="2024-11-27T11:33:03.894" v="226" actId="113"/>
        <pc:sldMkLst>
          <pc:docMk/>
          <pc:sldMk cId="494266302" sldId="901"/>
        </pc:sldMkLst>
        <pc:spChg chg="mod">
          <ac:chgData name="Vagnarelli, Alessio" userId="7630aed0-756e-42de-813a-0c9638cc0479" providerId="ADAL" clId="{6BB7F5CD-0FCF-4310-AC97-905B69459B24}" dt="2024-11-27T11:33:03.894" v="226" actId="113"/>
          <ac:spMkLst>
            <pc:docMk/>
            <pc:sldMk cId="494266302" sldId="901"/>
            <ac:spMk id="12" creationId="{E39A9A2E-E8E4-9A56-B929-796F08D55539}"/>
          </ac:spMkLst>
        </pc:spChg>
      </pc:sldChg>
      <pc:sldChg chg="modSp">
        <pc:chgData name="Vagnarelli, Alessio" userId="7630aed0-756e-42de-813a-0c9638cc0479" providerId="ADAL" clId="{6BB7F5CD-0FCF-4310-AC97-905B69459B24}" dt="2024-11-27T11:33:38.709" v="228" actId="115"/>
        <pc:sldMkLst>
          <pc:docMk/>
          <pc:sldMk cId="3499897702" sldId="902"/>
        </pc:sldMkLst>
        <pc:spChg chg="mod">
          <ac:chgData name="Vagnarelli, Alessio" userId="7630aed0-756e-42de-813a-0c9638cc0479" providerId="ADAL" clId="{6BB7F5CD-0FCF-4310-AC97-905B69459B24}" dt="2024-11-27T11:33:38.709" v="228" actId="115"/>
          <ac:spMkLst>
            <pc:docMk/>
            <pc:sldMk cId="3499897702" sldId="902"/>
            <ac:spMk id="12" creationId="{E39A9A2E-E8E4-9A56-B929-796F08D55539}"/>
          </ac:spMkLst>
        </pc:spChg>
      </pc:sldChg>
      <pc:sldChg chg="addSp delSp modSp mod">
        <pc:chgData name="Vagnarelli, Alessio" userId="7630aed0-756e-42de-813a-0c9638cc0479" providerId="ADAL" clId="{6BB7F5CD-0FCF-4310-AC97-905B69459B24}" dt="2024-11-27T11:47:04.698" v="364" actId="255"/>
        <pc:sldMkLst>
          <pc:docMk/>
          <pc:sldMk cId="4227078457" sldId="903"/>
        </pc:sldMkLst>
        <pc:spChg chg="add del mod">
          <ac:chgData name="Vagnarelli, Alessio" userId="7630aed0-756e-42de-813a-0c9638cc0479" providerId="ADAL" clId="{6BB7F5CD-0FCF-4310-AC97-905B69459B24}" dt="2024-11-27T11:43:52.580" v="311" actId="22"/>
          <ac:spMkLst>
            <pc:docMk/>
            <pc:sldMk cId="4227078457" sldId="903"/>
            <ac:spMk id="6" creationId="{E2C92374-DC1F-B5CF-628C-F4CD856F71D2}"/>
          </ac:spMkLst>
        </pc:spChg>
        <pc:spChg chg="mod">
          <ac:chgData name="Vagnarelli, Alessio" userId="7630aed0-756e-42de-813a-0c9638cc0479" providerId="ADAL" clId="{6BB7F5CD-0FCF-4310-AC97-905B69459B24}" dt="2024-11-27T11:47:04.698" v="364" actId="255"/>
          <ac:spMkLst>
            <pc:docMk/>
            <pc:sldMk cId="4227078457" sldId="903"/>
            <ac:spMk id="10" creationId="{63E6DDF6-4D9D-B650-820F-1F1CA136FD66}"/>
          </ac:spMkLst>
        </pc:spChg>
        <pc:spChg chg="add mod">
          <ac:chgData name="Vagnarelli, Alessio" userId="7630aed0-756e-42de-813a-0c9638cc0479" providerId="ADAL" clId="{6BB7F5CD-0FCF-4310-AC97-905B69459B24}" dt="2024-11-27T11:45:58.139" v="361" actId="20577"/>
          <ac:spMkLst>
            <pc:docMk/>
            <pc:sldMk cId="4227078457" sldId="903"/>
            <ac:spMk id="11" creationId="{E953B849-D1B7-7C7B-68FB-AF9EC049692C}"/>
          </ac:spMkLst>
        </pc:spChg>
        <pc:spChg chg="mod">
          <ac:chgData name="Vagnarelli, Alessio" userId="7630aed0-756e-42de-813a-0c9638cc0479" providerId="ADAL" clId="{6BB7F5CD-0FCF-4310-AC97-905B69459B24}" dt="2024-11-27T11:41:53.139" v="305" actId="20577"/>
          <ac:spMkLst>
            <pc:docMk/>
            <pc:sldMk cId="4227078457" sldId="903"/>
            <ac:spMk id="13" creationId="{2CCA31B4-FE45-04AC-256E-1D7C69029EEF}"/>
          </ac:spMkLst>
        </pc:spChg>
        <pc:picChg chg="add del mod">
          <ac:chgData name="Vagnarelli, Alessio" userId="7630aed0-756e-42de-813a-0c9638cc0479" providerId="ADAL" clId="{6BB7F5CD-0FCF-4310-AC97-905B69459B24}" dt="2024-11-27T11:35:46.515" v="299" actId="21"/>
          <ac:picMkLst>
            <pc:docMk/>
            <pc:sldMk cId="4227078457" sldId="903"/>
            <ac:picMk id="4" creationId="{4A459B65-AA6C-9E45-9AEF-1AA891C4A110}"/>
          </ac:picMkLst>
        </pc:picChg>
        <pc:picChg chg="mod">
          <ac:chgData name="Vagnarelli, Alessio" userId="7630aed0-756e-42de-813a-0c9638cc0479" providerId="ADAL" clId="{6BB7F5CD-0FCF-4310-AC97-905B69459B24}" dt="2024-11-27T11:43:25.535" v="307" actId="1076"/>
          <ac:picMkLst>
            <pc:docMk/>
            <pc:sldMk cId="4227078457" sldId="903"/>
            <ac:picMk id="9" creationId="{B953F8C5-6B7A-9C16-3ED9-99F743F1B019}"/>
          </ac:picMkLst>
        </pc:picChg>
      </pc:sldChg>
      <pc:sldChg chg="setBg">
        <pc:chgData name="Vagnarelli, Alessio" userId="7630aed0-756e-42de-813a-0c9638cc0479" providerId="ADAL" clId="{6BB7F5CD-0FCF-4310-AC97-905B69459B24}" dt="2024-11-26T16:46:02.462" v="163"/>
        <pc:sldMkLst>
          <pc:docMk/>
          <pc:sldMk cId="600344921" sldId="904"/>
        </pc:sldMkLst>
      </pc:sldChg>
      <pc:sldChg chg="modSp mod">
        <pc:chgData name="Vagnarelli, Alessio" userId="7630aed0-756e-42de-813a-0c9638cc0479" providerId="ADAL" clId="{6BB7F5CD-0FCF-4310-AC97-905B69459B24}" dt="2024-11-26T16:15:15.703" v="1" actId="1036"/>
        <pc:sldMkLst>
          <pc:docMk/>
          <pc:sldMk cId="524468396" sldId="909"/>
        </pc:sldMkLst>
        <pc:picChg chg="mod">
          <ac:chgData name="Vagnarelli, Alessio" userId="7630aed0-756e-42de-813a-0c9638cc0479" providerId="ADAL" clId="{6BB7F5CD-0FCF-4310-AC97-905B69459B24}" dt="2024-11-26T16:15:15.703" v="1" actId="1036"/>
          <ac:picMkLst>
            <pc:docMk/>
            <pc:sldMk cId="524468396" sldId="909"/>
            <ac:picMk id="12" creationId="{C2EB557A-6F1E-4C78-73ED-E09CF18F4037}"/>
          </ac:picMkLst>
        </pc:picChg>
      </pc:sldChg>
      <pc:sldChg chg="modSp">
        <pc:chgData name="Vagnarelli, Alessio" userId="7630aed0-756e-42de-813a-0c9638cc0479" providerId="ADAL" clId="{6BB7F5CD-0FCF-4310-AC97-905B69459B24}" dt="2024-11-27T11:47:18.784" v="366" actId="113"/>
        <pc:sldMkLst>
          <pc:docMk/>
          <pc:sldMk cId="2828456716" sldId="911"/>
        </pc:sldMkLst>
        <pc:spChg chg="mod">
          <ac:chgData name="Vagnarelli, Alessio" userId="7630aed0-756e-42de-813a-0c9638cc0479" providerId="ADAL" clId="{6BB7F5CD-0FCF-4310-AC97-905B69459B24}" dt="2024-11-27T11:47:18.784" v="366" actId="113"/>
          <ac:spMkLst>
            <pc:docMk/>
            <pc:sldMk cId="2828456716" sldId="911"/>
            <ac:spMk id="3" creationId="{0F401437-CD66-6C2C-4CDF-32D272854F08}"/>
          </ac:spMkLst>
        </pc:spChg>
      </pc:sldChg>
      <pc:sldChg chg="modSp">
        <pc:chgData name="Vagnarelli, Alessio" userId="7630aed0-756e-42de-813a-0c9638cc0479" providerId="ADAL" clId="{6BB7F5CD-0FCF-4310-AC97-905B69459B24}" dt="2024-11-27T11:51:46.587" v="436" actId="20577"/>
        <pc:sldMkLst>
          <pc:docMk/>
          <pc:sldMk cId="3661420669" sldId="917"/>
        </pc:sldMkLst>
        <pc:spChg chg="mod">
          <ac:chgData name="Vagnarelli, Alessio" userId="7630aed0-756e-42de-813a-0c9638cc0479" providerId="ADAL" clId="{6BB7F5CD-0FCF-4310-AC97-905B69459B24}" dt="2024-11-27T11:49:06.464" v="370" actId="6549"/>
          <ac:spMkLst>
            <pc:docMk/>
            <pc:sldMk cId="3661420669" sldId="917"/>
            <ac:spMk id="2" creationId="{CE9AFFFD-67CB-9476-6052-09BEADBB423D}"/>
          </ac:spMkLst>
        </pc:spChg>
        <pc:spChg chg="mod">
          <ac:chgData name="Vagnarelli, Alessio" userId="7630aed0-756e-42de-813a-0c9638cc0479" providerId="ADAL" clId="{6BB7F5CD-0FCF-4310-AC97-905B69459B24}" dt="2024-11-27T11:51:46.587" v="436" actId="20577"/>
          <ac:spMkLst>
            <pc:docMk/>
            <pc:sldMk cId="3661420669" sldId="917"/>
            <ac:spMk id="8" creationId="{8080FD15-8311-EC1C-F842-8C4EE0E58D51}"/>
          </ac:spMkLst>
        </pc:spChg>
      </pc:sldChg>
      <pc:sldChg chg="modSp modAnim">
        <pc:chgData name="Vagnarelli, Alessio" userId="7630aed0-756e-42de-813a-0c9638cc0479" providerId="ADAL" clId="{6BB7F5CD-0FCF-4310-AC97-905B69459B24}" dt="2024-11-27T09:10:54.857" v="203" actId="20577"/>
        <pc:sldMkLst>
          <pc:docMk/>
          <pc:sldMk cId="3954893419" sldId="919"/>
        </pc:sldMkLst>
        <pc:spChg chg="mod">
          <ac:chgData name="Vagnarelli, Alessio" userId="7630aed0-756e-42de-813a-0c9638cc0479" providerId="ADAL" clId="{6BB7F5CD-0FCF-4310-AC97-905B69459B24}" dt="2024-11-27T09:10:54.857" v="203" actId="20577"/>
          <ac:spMkLst>
            <pc:docMk/>
            <pc:sldMk cId="3954893419" sldId="919"/>
            <ac:spMk id="2" creationId="{CE9AFFFD-67CB-9476-6052-09BEADBB423D}"/>
          </ac:spMkLst>
        </pc:spChg>
      </pc:sldChg>
      <pc:sldChg chg="modSp">
        <pc:chgData name="Vagnarelli, Alessio" userId="7630aed0-756e-42de-813a-0c9638cc0479" providerId="ADAL" clId="{6BB7F5CD-0FCF-4310-AC97-905B69459B24}" dt="2024-11-27T11:54:49.530" v="438" actId="114"/>
        <pc:sldMkLst>
          <pc:docMk/>
          <pc:sldMk cId="2389471904" sldId="926"/>
        </pc:sldMkLst>
        <pc:spChg chg="mod">
          <ac:chgData name="Vagnarelli, Alessio" userId="7630aed0-756e-42de-813a-0c9638cc0479" providerId="ADAL" clId="{6BB7F5CD-0FCF-4310-AC97-905B69459B24}" dt="2024-11-27T11:54:49.530" v="438" actId="114"/>
          <ac:spMkLst>
            <pc:docMk/>
            <pc:sldMk cId="2389471904" sldId="926"/>
            <ac:spMk id="4" creationId="{8E12DEF2-0BE8-CB78-5759-153CBD58974A}"/>
          </ac:spMkLst>
        </pc:spChg>
      </pc:sldChg>
      <pc:sldChg chg="del">
        <pc:chgData name="Vagnarelli, Alessio" userId="7630aed0-756e-42de-813a-0c9638cc0479" providerId="ADAL" clId="{6BB7F5CD-0FCF-4310-AC97-905B69459B24}" dt="2024-11-26T16:51:28.098" v="174" actId="47"/>
        <pc:sldMkLst>
          <pc:docMk/>
          <pc:sldMk cId="3532024106" sldId="928"/>
        </pc:sldMkLst>
      </pc:sldChg>
      <pc:sldChg chg="del">
        <pc:chgData name="Vagnarelli, Alessio" userId="7630aed0-756e-42de-813a-0c9638cc0479" providerId="ADAL" clId="{6BB7F5CD-0FCF-4310-AC97-905B69459B24}" dt="2024-11-26T16:39:50.399" v="2" actId="47"/>
        <pc:sldMkLst>
          <pc:docMk/>
          <pc:sldMk cId="1064827500" sldId="929"/>
        </pc:sldMkLst>
      </pc:sldChg>
      <pc:sldChg chg="del">
        <pc:chgData name="Vagnarelli, Alessio" userId="7630aed0-756e-42de-813a-0c9638cc0479" providerId="ADAL" clId="{6BB7F5CD-0FCF-4310-AC97-905B69459B24}" dt="2024-11-26T16:39:50.399" v="2" actId="47"/>
        <pc:sldMkLst>
          <pc:docMk/>
          <pc:sldMk cId="1172080373" sldId="930"/>
        </pc:sldMkLst>
      </pc:sldChg>
      <pc:sldChg chg="del">
        <pc:chgData name="Vagnarelli, Alessio" userId="7630aed0-756e-42de-813a-0c9638cc0479" providerId="ADAL" clId="{6BB7F5CD-0FCF-4310-AC97-905B69459B24}" dt="2024-11-26T16:39:50.399" v="2" actId="47"/>
        <pc:sldMkLst>
          <pc:docMk/>
          <pc:sldMk cId="2125830832" sldId="931"/>
        </pc:sldMkLst>
      </pc:sldChg>
      <pc:sldChg chg="del">
        <pc:chgData name="Vagnarelli, Alessio" userId="7630aed0-756e-42de-813a-0c9638cc0479" providerId="ADAL" clId="{6BB7F5CD-0FCF-4310-AC97-905B69459B24}" dt="2024-11-26T16:39:50.399" v="2" actId="47"/>
        <pc:sldMkLst>
          <pc:docMk/>
          <pc:sldMk cId="371883801" sldId="932"/>
        </pc:sldMkLst>
      </pc:sldChg>
      <pc:sldChg chg="del">
        <pc:chgData name="Vagnarelli, Alessio" userId="7630aed0-756e-42de-813a-0c9638cc0479" providerId="ADAL" clId="{6BB7F5CD-0FCF-4310-AC97-905B69459B24}" dt="2024-11-26T16:39:50.399" v="2" actId="47"/>
        <pc:sldMkLst>
          <pc:docMk/>
          <pc:sldMk cId="825033554" sldId="933"/>
        </pc:sldMkLst>
      </pc:sldChg>
      <pc:sldMasterChg chg="delSldLayout">
        <pc:chgData name="Vagnarelli, Alessio" userId="7630aed0-756e-42de-813a-0c9638cc0479" providerId="ADAL" clId="{6BB7F5CD-0FCF-4310-AC97-905B69459B24}" dt="2024-11-26T16:51:28.098" v="174" actId="47"/>
        <pc:sldMasterMkLst>
          <pc:docMk/>
          <pc:sldMasterMk cId="599711183" sldId="2147483809"/>
        </pc:sldMasterMkLst>
        <pc:sldLayoutChg chg="del">
          <pc:chgData name="Vagnarelli, Alessio" userId="7630aed0-756e-42de-813a-0c9638cc0479" providerId="ADAL" clId="{6BB7F5CD-0FCF-4310-AC97-905B69459B24}" dt="2024-11-26T16:51:28.098" v="174" actId="47"/>
          <pc:sldLayoutMkLst>
            <pc:docMk/>
            <pc:sldMasterMk cId="599711183" sldId="2147483809"/>
            <pc:sldLayoutMk cId="2397263565" sldId="2147483852"/>
          </pc:sldLayoutMkLst>
        </pc:sldLayoutChg>
      </pc:sldMasterChg>
    </pc:docChg>
  </pc:docChgLst>
  <pc:docChgLst>
    <pc:chgData name="Vagnarelli, Alessio" userId="7630aed0-756e-42de-813a-0c9638cc0479" providerId="ADAL" clId="{379D9BBD-4BFB-49C9-9209-0BD208679427}"/>
    <pc:docChg chg="undo custSel addSld delSld modSld delMainMaster modSection">
      <pc:chgData name="Vagnarelli, Alessio" userId="7630aed0-756e-42de-813a-0c9638cc0479" providerId="ADAL" clId="{379D9BBD-4BFB-49C9-9209-0BD208679427}" dt="2025-11-11T11:17:07.189" v="340" actId="20577"/>
      <pc:docMkLst>
        <pc:docMk/>
      </pc:docMkLst>
      <pc:sldChg chg="modSp del mod">
        <pc:chgData name="Vagnarelli, Alessio" userId="7630aed0-756e-42de-813a-0c9638cc0479" providerId="ADAL" clId="{379D9BBD-4BFB-49C9-9209-0BD208679427}" dt="2025-11-10T11:34:21.830" v="101" actId="47"/>
        <pc:sldMkLst>
          <pc:docMk/>
          <pc:sldMk cId="0" sldId="256"/>
        </pc:sldMkLst>
        <pc:spChg chg="mod">
          <ac:chgData name="Vagnarelli, Alessio" userId="7630aed0-756e-42de-813a-0c9638cc0479" providerId="ADAL" clId="{379D9BBD-4BFB-49C9-9209-0BD208679427}" dt="2025-11-10T11:34:08.103" v="93" actId="20577"/>
          <ac:spMkLst>
            <pc:docMk/>
            <pc:sldMk cId="0" sldId="256"/>
            <ac:spMk id="2" creationId="{00000000-0000-0000-0000-000000000000}"/>
          </ac:spMkLst>
        </pc:spChg>
        <pc:spChg chg="mod">
          <ac:chgData name="Vagnarelli, Alessio" userId="7630aed0-756e-42de-813a-0c9638cc0479" providerId="ADAL" clId="{379D9BBD-4BFB-49C9-9209-0BD208679427}" dt="2025-11-10T11:34:13.590" v="100" actId="12"/>
          <ac:spMkLst>
            <pc:docMk/>
            <pc:sldMk cId="0" sldId="256"/>
            <ac:spMk id="4" creationId="{3C7FD9ED-E2F4-90B3-26FF-53D1EC38899C}"/>
          </ac:spMkLst>
        </pc:spChg>
      </pc:sldChg>
      <pc:sldChg chg="modSp mod">
        <pc:chgData name="Vagnarelli, Alessio" userId="7630aed0-756e-42de-813a-0c9638cc0479" providerId="ADAL" clId="{379D9BBD-4BFB-49C9-9209-0BD208679427}" dt="2025-11-10T11:28:23.074" v="38" actId="6549"/>
        <pc:sldMkLst>
          <pc:docMk/>
          <pc:sldMk cId="861957290" sldId="341"/>
        </pc:sldMkLst>
        <pc:spChg chg="mod">
          <ac:chgData name="Vagnarelli, Alessio" userId="7630aed0-756e-42de-813a-0c9638cc0479" providerId="ADAL" clId="{379D9BBD-4BFB-49C9-9209-0BD208679427}" dt="2025-11-10T11:28:23.074" v="38" actId="6549"/>
          <ac:spMkLst>
            <pc:docMk/>
            <pc:sldMk cId="861957290" sldId="341"/>
            <ac:spMk id="13" creationId="{DE5B9CEA-5E73-4E22-8C75-E8D43059FFC7}"/>
          </ac:spMkLst>
        </pc:spChg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600344921" sldId="904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524468396" sldId="909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2484564217" sldId="938"/>
        </pc:sldMkLst>
      </pc:sldChg>
      <pc:sldChg chg="modSp add del mod">
        <pc:chgData name="Vagnarelli, Alessio" userId="7630aed0-756e-42de-813a-0c9638cc0479" providerId="ADAL" clId="{379D9BBD-4BFB-49C9-9209-0BD208679427}" dt="2025-11-11T11:17:07.189" v="340" actId="20577"/>
        <pc:sldMkLst>
          <pc:docMk/>
          <pc:sldMk cId="3095614524" sldId="945"/>
        </pc:sldMkLst>
        <pc:spChg chg="mod">
          <ac:chgData name="Vagnarelli, Alessio" userId="7630aed0-756e-42de-813a-0c9638cc0479" providerId="ADAL" clId="{379D9BBD-4BFB-49C9-9209-0BD208679427}" dt="2025-11-11T11:17:07.189" v="340" actId="20577"/>
          <ac:spMkLst>
            <pc:docMk/>
            <pc:sldMk cId="3095614524" sldId="945"/>
            <ac:spMk id="2" creationId="{1A53A8AD-38C0-4854-81B3-9B99B4E007ED}"/>
          </ac:spMkLst>
        </pc:spChg>
      </pc:sldChg>
      <pc:sldChg chg="del">
        <pc:chgData name="Vagnarelli, Alessio" userId="7630aed0-756e-42de-813a-0c9638cc0479" providerId="ADAL" clId="{379D9BBD-4BFB-49C9-9209-0BD208679427}" dt="2025-11-10T11:34:38.149" v="102" actId="47"/>
        <pc:sldMkLst>
          <pc:docMk/>
          <pc:sldMk cId="3628776721" sldId="947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2115968327" sldId="949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2664645208" sldId="953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1388151979" sldId="954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247895638" sldId="955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3247052445" sldId="956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1495026251" sldId="957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763394545" sldId="965"/>
        </pc:sldMkLst>
      </pc:sldChg>
      <pc:sldChg chg="del">
        <pc:chgData name="Vagnarelli, Alessio" userId="7630aed0-756e-42de-813a-0c9638cc0479" providerId="ADAL" clId="{379D9BBD-4BFB-49C9-9209-0BD208679427}" dt="2025-11-10T11:28:39.626" v="39" actId="47"/>
        <pc:sldMkLst>
          <pc:docMk/>
          <pc:sldMk cId="1550884657" sldId="966"/>
        </pc:sldMkLst>
      </pc:sldChg>
      <pc:sldChg chg="modSp mod">
        <pc:chgData name="Vagnarelli, Alessio" userId="7630aed0-756e-42de-813a-0c9638cc0479" providerId="ADAL" clId="{379D9BBD-4BFB-49C9-9209-0BD208679427}" dt="2025-11-11T09:50:05.726" v="236" actId="20577"/>
        <pc:sldMkLst>
          <pc:docMk/>
          <pc:sldMk cId="2301407564" sldId="972"/>
        </pc:sldMkLst>
        <pc:spChg chg="mod">
          <ac:chgData name="Vagnarelli, Alessio" userId="7630aed0-756e-42de-813a-0c9638cc0479" providerId="ADAL" clId="{379D9BBD-4BFB-49C9-9209-0BD208679427}" dt="2025-11-11T09:50:05.726" v="236" actId="20577"/>
          <ac:spMkLst>
            <pc:docMk/>
            <pc:sldMk cId="2301407564" sldId="972"/>
            <ac:spMk id="3" creationId="{719670C5-0317-D1A9-857A-20FE59E4ED2B}"/>
          </ac:spMkLst>
        </pc:spChg>
      </pc:sldChg>
      <pc:sldChg chg="modSp mod">
        <pc:chgData name="Vagnarelli, Alessio" userId="7630aed0-756e-42de-813a-0c9638cc0479" providerId="ADAL" clId="{379D9BBD-4BFB-49C9-9209-0BD208679427}" dt="2025-11-11T09:50:55.310" v="318" actId="6549"/>
        <pc:sldMkLst>
          <pc:docMk/>
          <pc:sldMk cId="2645824583" sldId="973"/>
        </pc:sldMkLst>
        <pc:spChg chg="mod">
          <ac:chgData name="Vagnarelli, Alessio" userId="7630aed0-756e-42de-813a-0c9638cc0479" providerId="ADAL" clId="{379D9BBD-4BFB-49C9-9209-0BD208679427}" dt="2025-11-11T09:50:55.310" v="318" actId="6549"/>
          <ac:spMkLst>
            <pc:docMk/>
            <pc:sldMk cId="2645824583" sldId="973"/>
            <ac:spMk id="3" creationId="{719670C5-0317-D1A9-857A-20FE59E4ED2B}"/>
          </ac:spMkLst>
        </pc:spChg>
      </pc:sldChg>
      <pc:sldChg chg="add del">
        <pc:chgData name="Vagnarelli, Alessio" userId="7630aed0-756e-42de-813a-0c9638cc0479" providerId="ADAL" clId="{379D9BBD-4BFB-49C9-9209-0BD208679427}" dt="2025-11-10T11:34:57.873" v="107" actId="47"/>
        <pc:sldMkLst>
          <pc:docMk/>
          <pc:sldMk cId="4135524897" sldId="979"/>
        </pc:sldMkLst>
      </pc:sldChg>
      <pc:sldChg chg="del">
        <pc:chgData name="Vagnarelli, Alessio" userId="7630aed0-756e-42de-813a-0c9638cc0479" providerId="ADAL" clId="{379D9BBD-4BFB-49C9-9209-0BD208679427}" dt="2025-11-10T11:34:40.200" v="103" actId="47"/>
        <pc:sldMkLst>
          <pc:docMk/>
          <pc:sldMk cId="587295447" sldId="983"/>
        </pc:sldMkLst>
      </pc:sldChg>
      <pc:sldChg chg="del">
        <pc:chgData name="Vagnarelli, Alessio" userId="7630aed0-756e-42de-813a-0c9638cc0479" providerId="ADAL" clId="{379D9BBD-4BFB-49C9-9209-0BD208679427}" dt="2025-11-10T11:34:40.579" v="104" actId="47"/>
        <pc:sldMkLst>
          <pc:docMk/>
          <pc:sldMk cId="3282425431" sldId="984"/>
        </pc:sldMkLst>
      </pc:sldChg>
      <pc:sldChg chg="modSp add mod">
        <pc:chgData name="Vagnarelli, Alessio" userId="7630aed0-756e-42de-813a-0c9638cc0479" providerId="ADAL" clId="{379D9BBD-4BFB-49C9-9209-0BD208679427}" dt="2025-11-10T11:34:04.132" v="89"/>
        <pc:sldMkLst>
          <pc:docMk/>
          <pc:sldMk cId="4011841804" sldId="985"/>
        </pc:sldMkLst>
        <pc:spChg chg="mod">
          <ac:chgData name="Vagnarelli, Alessio" userId="7630aed0-756e-42de-813a-0c9638cc0479" providerId="ADAL" clId="{379D9BBD-4BFB-49C9-9209-0BD208679427}" dt="2025-11-10T11:34:04.132" v="89"/>
          <ac:spMkLst>
            <pc:docMk/>
            <pc:sldMk cId="4011841804" sldId="985"/>
            <ac:spMk id="4" creationId="{3C7FD9ED-E2F4-90B3-26FF-53D1EC38899C}"/>
          </ac:spMkLst>
        </pc:spChg>
      </pc:sldChg>
      <pc:sldChg chg="addSp modSp add mod">
        <pc:chgData name="Vagnarelli, Alessio" userId="7630aed0-756e-42de-813a-0c9638cc0479" providerId="ADAL" clId="{379D9BBD-4BFB-49C9-9209-0BD208679427}" dt="2025-11-10T11:42:25.516" v="199" actId="108"/>
        <pc:sldMkLst>
          <pc:docMk/>
          <pc:sldMk cId="2147655665" sldId="986"/>
        </pc:sldMkLst>
        <pc:spChg chg="mod">
          <ac:chgData name="Vagnarelli, Alessio" userId="7630aed0-756e-42de-813a-0c9638cc0479" providerId="ADAL" clId="{379D9BBD-4BFB-49C9-9209-0BD208679427}" dt="2025-11-10T11:37:53.750" v="127" actId="20577"/>
          <ac:spMkLst>
            <pc:docMk/>
            <pc:sldMk cId="2147655665" sldId="986"/>
            <ac:spMk id="2" creationId="{9D399F22-BE9A-675A-9B4E-95B31F94D756}"/>
          </ac:spMkLst>
        </pc:spChg>
        <pc:spChg chg="add mod">
          <ac:chgData name="Vagnarelli, Alessio" userId="7630aed0-756e-42de-813a-0c9638cc0479" providerId="ADAL" clId="{379D9BBD-4BFB-49C9-9209-0BD208679427}" dt="2025-11-10T11:42:25.516" v="199" actId="108"/>
          <ac:spMkLst>
            <pc:docMk/>
            <pc:sldMk cId="2147655665" sldId="986"/>
            <ac:spMk id="3" creationId="{B894183E-6093-13B0-C99E-22FA99F7C85F}"/>
          </ac:spMkLst>
        </pc:spChg>
        <pc:spChg chg="add mod">
          <ac:chgData name="Vagnarelli, Alessio" userId="7630aed0-756e-42de-813a-0c9638cc0479" providerId="ADAL" clId="{379D9BBD-4BFB-49C9-9209-0BD208679427}" dt="2025-11-10T11:39:55.977" v="170" actId="14100"/>
          <ac:spMkLst>
            <pc:docMk/>
            <pc:sldMk cId="2147655665" sldId="986"/>
            <ac:spMk id="5" creationId="{9D3DD133-C497-50F4-26C7-9ECA5A1739E4}"/>
          </ac:spMkLst>
        </pc:spChg>
        <pc:spChg chg="mod">
          <ac:chgData name="Vagnarelli, Alessio" userId="7630aed0-756e-42de-813a-0c9638cc0479" providerId="ADAL" clId="{379D9BBD-4BFB-49C9-9209-0BD208679427}" dt="2025-11-10T11:40:15.941" v="172" actId="20577"/>
          <ac:spMkLst>
            <pc:docMk/>
            <pc:sldMk cId="2147655665" sldId="986"/>
            <ac:spMk id="13" creationId="{3ABE9599-D3BF-4F8F-B38D-0EFD9A050F60}"/>
          </ac:spMkLst>
        </pc:spChg>
      </pc:sldChg>
      <pc:sldChg chg="delSp modSp add mod">
        <pc:chgData name="Vagnarelli, Alessio" userId="7630aed0-756e-42de-813a-0c9638cc0479" providerId="ADAL" clId="{379D9BBD-4BFB-49C9-9209-0BD208679427}" dt="2025-11-10T11:42:39.700" v="201" actId="1076"/>
        <pc:sldMkLst>
          <pc:docMk/>
          <pc:sldMk cId="435770637" sldId="987"/>
        </pc:sldMkLst>
        <pc:spChg chg="del mod">
          <ac:chgData name="Vagnarelli, Alessio" userId="7630aed0-756e-42de-813a-0c9638cc0479" providerId="ADAL" clId="{379D9BBD-4BFB-49C9-9209-0BD208679427}" dt="2025-11-10T11:41:23.026" v="180" actId="21"/>
          <ac:spMkLst>
            <pc:docMk/>
            <pc:sldMk cId="435770637" sldId="987"/>
            <ac:spMk id="3" creationId="{B894183E-6093-13B0-C99E-22FA99F7C85F}"/>
          </ac:spMkLst>
        </pc:spChg>
        <pc:spChg chg="mod">
          <ac:chgData name="Vagnarelli, Alessio" userId="7630aed0-756e-42de-813a-0c9638cc0479" providerId="ADAL" clId="{379D9BBD-4BFB-49C9-9209-0BD208679427}" dt="2025-11-10T11:42:39.700" v="201" actId="1076"/>
          <ac:spMkLst>
            <pc:docMk/>
            <pc:sldMk cId="435770637" sldId="987"/>
            <ac:spMk id="5" creationId="{9D3DD133-C497-50F4-26C7-9ECA5A1739E4}"/>
          </ac:spMkLst>
        </pc:spChg>
        <pc:spChg chg="mod">
          <ac:chgData name="Vagnarelli, Alessio" userId="7630aed0-756e-42de-813a-0c9638cc0479" providerId="ADAL" clId="{379D9BBD-4BFB-49C9-9209-0BD208679427}" dt="2025-11-10T11:42:36.444" v="200" actId="1076"/>
          <ac:spMkLst>
            <pc:docMk/>
            <pc:sldMk cId="435770637" sldId="987"/>
            <ac:spMk id="13" creationId="{3ABE9599-D3BF-4F8F-B38D-0EFD9A050F60}"/>
          </ac:spMkLst>
        </pc:spChg>
      </pc:sldChg>
      <pc:sldChg chg="delSp modSp add mod">
        <pc:chgData name="Vagnarelli, Alessio" userId="7630aed0-756e-42de-813a-0c9638cc0479" providerId="ADAL" clId="{379D9BBD-4BFB-49C9-9209-0BD208679427}" dt="2025-11-11T11:15:56.894" v="323" actId="20577"/>
        <pc:sldMkLst>
          <pc:docMk/>
          <pc:sldMk cId="3171708820" sldId="988"/>
        </pc:sldMkLst>
        <pc:spChg chg="mod">
          <ac:chgData name="Vagnarelli, Alessio" userId="7630aed0-756e-42de-813a-0c9638cc0479" providerId="ADAL" clId="{379D9BBD-4BFB-49C9-9209-0BD208679427}" dt="2025-11-11T09:37:12.444" v="206" actId="6549"/>
          <ac:spMkLst>
            <pc:docMk/>
            <pc:sldMk cId="3171708820" sldId="988"/>
            <ac:spMk id="2" creationId="{9D399F22-BE9A-675A-9B4E-95B31F94D756}"/>
          </ac:spMkLst>
        </pc:spChg>
        <pc:spChg chg="del">
          <ac:chgData name="Vagnarelli, Alessio" userId="7630aed0-756e-42de-813a-0c9638cc0479" providerId="ADAL" clId="{379D9BBD-4BFB-49C9-9209-0BD208679427}" dt="2025-11-11T09:37:09.416" v="205" actId="21"/>
          <ac:spMkLst>
            <pc:docMk/>
            <pc:sldMk cId="3171708820" sldId="988"/>
            <ac:spMk id="5" creationId="{9D3DD133-C497-50F4-26C7-9ECA5A1739E4}"/>
          </ac:spMkLst>
        </pc:spChg>
        <pc:spChg chg="mod">
          <ac:chgData name="Vagnarelli, Alessio" userId="7630aed0-756e-42de-813a-0c9638cc0479" providerId="ADAL" clId="{379D9BBD-4BFB-49C9-9209-0BD208679427}" dt="2025-11-11T11:15:56.894" v="323" actId="20577"/>
          <ac:spMkLst>
            <pc:docMk/>
            <pc:sldMk cId="3171708820" sldId="988"/>
            <ac:spMk id="13" creationId="{3ABE9599-D3BF-4F8F-B38D-0EFD9A050F60}"/>
          </ac:spMkLst>
        </pc:spChg>
      </pc:sldChg>
      <pc:sldChg chg="modSp add mod">
        <pc:chgData name="Vagnarelli, Alessio" userId="7630aed0-756e-42de-813a-0c9638cc0479" providerId="ADAL" clId="{379D9BBD-4BFB-49C9-9209-0BD208679427}" dt="2025-11-11T11:16:35.017" v="331" actId="20577"/>
        <pc:sldMkLst>
          <pc:docMk/>
          <pc:sldMk cId="3662368661" sldId="989"/>
        </pc:sldMkLst>
        <pc:spChg chg="mod">
          <ac:chgData name="Vagnarelli, Alessio" userId="7630aed0-756e-42de-813a-0c9638cc0479" providerId="ADAL" clId="{379D9BBD-4BFB-49C9-9209-0BD208679427}" dt="2025-11-11T11:16:35.017" v="331" actId="20577"/>
          <ac:spMkLst>
            <pc:docMk/>
            <pc:sldMk cId="3662368661" sldId="989"/>
            <ac:spMk id="13" creationId="{3ABE9599-D3BF-4F8F-B38D-0EFD9A050F60}"/>
          </ac:spMkLst>
        </pc:spChg>
      </pc:sldChg>
      <pc:sldMasterChg chg="del delSldLayout">
        <pc:chgData name="Vagnarelli, Alessio" userId="7630aed0-756e-42de-813a-0c9638cc0479" providerId="ADAL" clId="{379D9BBD-4BFB-49C9-9209-0BD208679427}" dt="2025-11-10T11:28:39.626" v="39" actId="47"/>
        <pc:sldMasterMkLst>
          <pc:docMk/>
          <pc:sldMasterMk cId="2771993777" sldId="2147483768"/>
        </pc:sldMasterMkLst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997181182" sldId="2147483769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3442915235" sldId="2147483770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3406197022" sldId="2147483771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326949823" sldId="2147483772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583503977" sldId="2147483773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099034072" sldId="2147483774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213117339" sldId="2147483775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141561755" sldId="2147483776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714193536" sldId="2147483777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360003960" sldId="2147483778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684102354" sldId="2147483779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315610260" sldId="2147483780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303892114" sldId="2147483781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53959436" sldId="2147483782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703056403" sldId="2147483783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781106260" sldId="2147483784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730113741" sldId="2147483785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4132833975" sldId="2147483786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161246449" sldId="2147483787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368531456" sldId="2147483788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43104325" sldId="2147483789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890780887" sldId="2147483790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852740516" sldId="2147483791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364282184" sldId="2147483792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366750858" sldId="2147483793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625676466" sldId="2147483794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973069481" sldId="2147483795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3722560430" sldId="2147483796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975718735" sldId="2147483797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095602374" sldId="2147483798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629642336" sldId="2147483799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161339316" sldId="2147483800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190844389" sldId="2147483801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4257674409" sldId="2147483802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3657656364" sldId="2147483803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1649710597" sldId="2147483804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4074021003" sldId="2147483805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2285256733" sldId="2147483806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937379286" sldId="2147483807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7175069" sldId="2147483808"/>
          </pc:sldLayoutMkLst>
        </pc:sldLayoutChg>
        <pc:sldLayoutChg chg="del">
          <pc:chgData name="Vagnarelli, Alessio" userId="7630aed0-756e-42de-813a-0c9638cc0479" providerId="ADAL" clId="{379D9BBD-4BFB-49C9-9209-0BD208679427}" dt="2025-11-10T11:28:39.626" v="39" actId="47"/>
          <pc:sldLayoutMkLst>
            <pc:docMk/>
            <pc:sldMasterMk cId="2771993777" sldId="2147483768"/>
            <pc:sldLayoutMk cId="455052470" sldId="2147483851"/>
          </pc:sldLayoutMkLst>
        </pc:sldLayoutChg>
      </pc:sldMasterChg>
    </pc:docChg>
  </pc:docChgLst>
  <pc:docChgLst>
    <pc:chgData name="Vagnarelli, Alessio" userId="7630aed0-756e-42de-813a-0c9638cc0479" providerId="ADAL" clId="{586ADE1C-C4EE-44AD-8214-1D8CF33CAA1C}"/>
    <pc:docChg chg="undo redo custSel addSld delSld modSld sldOrd modSection">
      <pc:chgData name="Vagnarelli, Alessio" userId="7630aed0-756e-42de-813a-0c9638cc0479" providerId="ADAL" clId="{586ADE1C-C4EE-44AD-8214-1D8CF33CAA1C}" dt="2025-09-22T11:29:34.353" v="2543" actId="1076"/>
      <pc:docMkLst>
        <pc:docMk/>
      </pc:docMkLst>
      <pc:sldChg chg="addSp delSp modSp mod">
        <pc:chgData name="Vagnarelli, Alessio" userId="7630aed0-756e-42de-813a-0c9638cc0479" providerId="ADAL" clId="{586ADE1C-C4EE-44AD-8214-1D8CF33CAA1C}" dt="2025-09-12T09:43:52.615" v="1955" actId="14100"/>
        <pc:sldMkLst>
          <pc:docMk/>
          <pc:sldMk cId="0" sldId="256"/>
        </pc:sldMkLst>
        <pc:spChg chg="mod">
          <ac:chgData name="Vagnarelli, Alessio" userId="7630aed0-756e-42de-813a-0c9638cc0479" providerId="ADAL" clId="{586ADE1C-C4EE-44AD-8214-1D8CF33CAA1C}" dt="2025-09-11T13:38:48.209" v="1053" actId="14100"/>
          <ac:spMkLst>
            <pc:docMk/>
            <pc:sldMk cId="0" sldId="256"/>
            <ac:spMk id="2" creationId="{00000000-0000-0000-0000-000000000000}"/>
          </ac:spMkLst>
        </pc:spChg>
        <pc:spChg chg="del mod">
          <ac:chgData name="Vagnarelli, Alessio" userId="7630aed0-756e-42de-813a-0c9638cc0479" providerId="ADAL" clId="{586ADE1C-C4EE-44AD-8214-1D8CF33CAA1C}" dt="2025-09-11T13:36:47.316" v="1037" actId="21"/>
          <ac:spMkLst>
            <pc:docMk/>
            <pc:sldMk cId="0" sldId="256"/>
            <ac:spMk id="3" creationId="{00000000-0000-0000-0000-000000000000}"/>
          </ac:spMkLst>
        </pc:spChg>
        <pc:spChg chg="add mod">
          <ac:chgData name="Vagnarelli, Alessio" userId="7630aed0-756e-42de-813a-0c9638cc0479" providerId="ADAL" clId="{586ADE1C-C4EE-44AD-8214-1D8CF33CAA1C}" dt="2025-09-12T09:43:52.615" v="1955" actId="14100"/>
          <ac:spMkLst>
            <pc:docMk/>
            <pc:sldMk cId="0" sldId="256"/>
            <ac:spMk id="4" creationId="{3C7FD9ED-E2F4-90B3-26FF-53D1EC38899C}"/>
          </ac:spMkLst>
        </pc:spChg>
      </pc:sldChg>
      <pc:sldChg chg="addSp delSp modSp mod">
        <pc:chgData name="Vagnarelli, Alessio" userId="7630aed0-756e-42de-813a-0c9638cc0479" providerId="ADAL" clId="{586ADE1C-C4EE-44AD-8214-1D8CF33CAA1C}" dt="2025-09-12T09:43:47.095" v="1954" actId="14100"/>
        <pc:sldMkLst>
          <pc:docMk/>
          <pc:sldMk cId="0" sldId="257"/>
        </pc:sldMkLst>
        <pc:spChg chg="mod">
          <ac:chgData name="Vagnarelli, Alessio" userId="7630aed0-756e-42de-813a-0c9638cc0479" providerId="ADAL" clId="{586ADE1C-C4EE-44AD-8214-1D8CF33CAA1C}" dt="2025-09-11T13:39:17.796" v="1058" actId="14100"/>
          <ac:spMkLst>
            <pc:docMk/>
            <pc:sldMk cId="0" sldId="257"/>
            <ac:spMk id="2" creationId="{00000000-0000-0000-0000-000000000000}"/>
          </ac:spMkLst>
        </pc:spChg>
        <pc:spChg chg="del mod">
          <ac:chgData name="Vagnarelli, Alessio" userId="7630aed0-756e-42de-813a-0c9638cc0479" providerId="ADAL" clId="{586ADE1C-C4EE-44AD-8214-1D8CF33CAA1C}" dt="2025-09-11T13:37:14.058" v="1040" actId="21"/>
          <ac:spMkLst>
            <pc:docMk/>
            <pc:sldMk cId="0" sldId="257"/>
            <ac:spMk id="3" creationId="{00000000-0000-0000-0000-000000000000}"/>
          </ac:spMkLst>
        </pc:spChg>
        <pc:spChg chg="add mod">
          <ac:chgData name="Vagnarelli, Alessio" userId="7630aed0-756e-42de-813a-0c9638cc0479" providerId="ADAL" clId="{586ADE1C-C4EE-44AD-8214-1D8CF33CAA1C}" dt="2025-09-12T09:43:47.095" v="1954" actId="14100"/>
          <ac:spMkLst>
            <pc:docMk/>
            <pc:sldMk cId="0" sldId="257"/>
            <ac:spMk id="4" creationId="{4BE14CED-946E-ADBE-6CC4-EF4B42C2848D}"/>
          </ac:spMkLst>
        </pc:spChg>
      </pc:sldChg>
      <pc:sldChg chg="modSp mod">
        <pc:chgData name="Vagnarelli, Alessio" userId="7630aed0-756e-42de-813a-0c9638cc0479" providerId="ADAL" clId="{586ADE1C-C4EE-44AD-8214-1D8CF33CAA1C}" dt="2025-09-09T13:08:22.752" v="35" actId="6549"/>
        <pc:sldMkLst>
          <pc:docMk/>
          <pc:sldMk cId="861957290" sldId="341"/>
        </pc:sldMkLst>
        <pc:spChg chg="mod">
          <ac:chgData name="Vagnarelli, Alessio" userId="7630aed0-756e-42de-813a-0c9638cc0479" providerId="ADAL" clId="{586ADE1C-C4EE-44AD-8214-1D8CF33CAA1C}" dt="2025-09-09T13:08:22.752" v="35" actId="6549"/>
          <ac:spMkLst>
            <pc:docMk/>
            <pc:sldMk cId="861957290" sldId="341"/>
            <ac:spMk id="13" creationId="{DE5B9CEA-5E73-4E22-8C75-E8D43059FFC7}"/>
          </ac:spMkLst>
        </pc:spChg>
      </pc:sldChg>
      <pc:sldChg chg="modSp mod ord">
        <pc:chgData name="Vagnarelli, Alessio" userId="7630aed0-756e-42de-813a-0c9638cc0479" providerId="ADAL" clId="{586ADE1C-C4EE-44AD-8214-1D8CF33CAA1C}" dt="2025-09-09T13:11:40.222" v="57" actId="207"/>
        <pc:sldMkLst>
          <pc:docMk/>
          <pc:sldMk cId="600344921" sldId="904"/>
        </pc:sldMkLst>
        <pc:spChg chg="mod">
          <ac:chgData name="Vagnarelli, Alessio" userId="7630aed0-756e-42de-813a-0c9638cc0479" providerId="ADAL" clId="{586ADE1C-C4EE-44AD-8214-1D8CF33CAA1C}" dt="2025-09-09T13:11:40.222" v="57" actId="207"/>
          <ac:spMkLst>
            <pc:docMk/>
            <pc:sldMk cId="600344921" sldId="904"/>
            <ac:spMk id="2" creationId="{1A53A8AD-38C0-4854-81B3-9B99B4E007ED}"/>
          </ac:spMkLst>
        </pc:spChg>
      </pc:sldChg>
      <pc:sldChg chg="del">
        <pc:chgData name="Vagnarelli, Alessio" userId="7630aed0-756e-42de-813a-0c9638cc0479" providerId="ADAL" clId="{586ADE1C-C4EE-44AD-8214-1D8CF33CAA1C}" dt="2025-09-09T13:10:43.001" v="45" actId="47"/>
        <pc:sldMkLst>
          <pc:docMk/>
          <pc:sldMk cId="2241761266" sldId="912"/>
        </pc:sldMkLst>
      </pc:sldChg>
      <pc:sldChg chg="delSp modSp del mod delAnim">
        <pc:chgData name="Vagnarelli, Alessio" userId="7630aed0-756e-42de-813a-0c9638cc0479" providerId="ADAL" clId="{586ADE1C-C4EE-44AD-8214-1D8CF33CAA1C}" dt="2025-09-11T11:15:22.870" v="390" actId="47"/>
        <pc:sldMkLst>
          <pc:docMk/>
          <pc:sldMk cId="4125824611" sldId="927"/>
        </pc:sldMkLst>
        <pc:spChg chg="mod">
          <ac:chgData name="Vagnarelli, Alessio" userId="7630aed0-756e-42de-813a-0c9638cc0479" providerId="ADAL" clId="{586ADE1C-C4EE-44AD-8214-1D8CF33CAA1C}" dt="2025-09-09T13:10:08.432" v="41" actId="1076"/>
          <ac:spMkLst>
            <pc:docMk/>
            <pc:sldMk cId="4125824611" sldId="927"/>
            <ac:spMk id="2" creationId="{382D5AE9-7CEF-7218-A6BB-FB19AF74390A}"/>
          </ac:spMkLst>
        </pc:spChg>
        <pc:spChg chg="del">
          <ac:chgData name="Vagnarelli, Alessio" userId="7630aed0-756e-42de-813a-0c9638cc0479" providerId="ADAL" clId="{586ADE1C-C4EE-44AD-8214-1D8CF33CAA1C}" dt="2025-09-09T13:09:55.965" v="38" actId="21"/>
          <ac:spMkLst>
            <pc:docMk/>
            <pc:sldMk cId="4125824611" sldId="927"/>
            <ac:spMk id="4" creationId="{8E12DEF2-0BE8-CB78-5759-153CBD58974A}"/>
          </ac:spMkLst>
        </pc:spChg>
        <pc:spChg chg="mod">
          <ac:chgData name="Vagnarelli, Alessio" userId="7630aed0-756e-42de-813a-0c9638cc0479" providerId="ADAL" clId="{586ADE1C-C4EE-44AD-8214-1D8CF33CAA1C}" dt="2025-09-09T13:10:01.165" v="39" actId="6549"/>
          <ac:spMkLst>
            <pc:docMk/>
            <pc:sldMk cId="4125824611" sldId="927"/>
            <ac:spMk id="5" creationId="{9EBB666A-D6FD-85CA-5426-A578F68FDA0E}"/>
          </ac:spMkLst>
        </pc:spChg>
        <pc:spChg chg="del">
          <ac:chgData name="Vagnarelli, Alessio" userId="7630aed0-756e-42de-813a-0c9638cc0479" providerId="ADAL" clId="{586ADE1C-C4EE-44AD-8214-1D8CF33CAA1C}" dt="2025-09-09T13:10:05.584" v="40" actId="21"/>
          <ac:spMkLst>
            <pc:docMk/>
            <pc:sldMk cId="4125824611" sldId="927"/>
            <ac:spMk id="6" creationId="{31C4B402-8060-047D-D3C4-AA9E14EBA153}"/>
          </ac:spMkLst>
        </pc:spChg>
        <pc:spChg chg="del">
          <ac:chgData name="Vagnarelli, Alessio" userId="7630aed0-756e-42de-813a-0c9638cc0479" providerId="ADAL" clId="{586ADE1C-C4EE-44AD-8214-1D8CF33CAA1C}" dt="2025-09-09T13:10:11.037" v="42" actId="21"/>
          <ac:spMkLst>
            <pc:docMk/>
            <pc:sldMk cId="4125824611" sldId="927"/>
            <ac:spMk id="8" creationId="{0467753E-7179-E4A4-D01A-FF33D932244B}"/>
          </ac:spMkLst>
        </pc:spChg>
      </pc:sldChg>
      <pc:sldChg chg="del">
        <pc:chgData name="Vagnarelli, Alessio" userId="7630aed0-756e-42de-813a-0c9638cc0479" providerId="ADAL" clId="{586ADE1C-C4EE-44AD-8214-1D8CF33CAA1C}" dt="2025-09-11T11:14:52.875" v="387" actId="47"/>
        <pc:sldMkLst>
          <pc:docMk/>
          <pc:sldMk cId="2377811071" sldId="930"/>
        </pc:sldMkLst>
      </pc:sldChg>
      <pc:sldChg chg="del">
        <pc:chgData name="Vagnarelli, Alessio" userId="7630aed0-756e-42de-813a-0c9638cc0479" providerId="ADAL" clId="{586ADE1C-C4EE-44AD-8214-1D8CF33CAA1C}" dt="2025-09-11T11:14:56.087" v="388" actId="47"/>
        <pc:sldMkLst>
          <pc:docMk/>
          <pc:sldMk cId="1386567498" sldId="936"/>
        </pc:sldMkLst>
      </pc:sldChg>
      <pc:sldChg chg="del">
        <pc:chgData name="Vagnarelli, Alessio" userId="7630aed0-756e-42de-813a-0c9638cc0479" providerId="ADAL" clId="{586ADE1C-C4EE-44AD-8214-1D8CF33CAA1C}" dt="2025-09-09T13:09:03.655" v="36" actId="2696"/>
        <pc:sldMkLst>
          <pc:docMk/>
          <pc:sldMk cId="4187572620" sldId="939"/>
        </pc:sldMkLst>
      </pc:sldChg>
      <pc:sldChg chg="del">
        <pc:chgData name="Vagnarelli, Alessio" userId="7630aed0-756e-42de-813a-0c9638cc0479" providerId="ADAL" clId="{586ADE1C-C4EE-44AD-8214-1D8CF33CAA1C}" dt="2025-09-09T13:09:03.655" v="36" actId="2696"/>
        <pc:sldMkLst>
          <pc:docMk/>
          <pc:sldMk cId="890564415" sldId="940"/>
        </pc:sldMkLst>
      </pc:sldChg>
      <pc:sldChg chg="del">
        <pc:chgData name="Vagnarelli, Alessio" userId="7630aed0-756e-42de-813a-0c9638cc0479" providerId="ADAL" clId="{586ADE1C-C4EE-44AD-8214-1D8CF33CAA1C}" dt="2025-09-09T13:09:03.655" v="36" actId="2696"/>
        <pc:sldMkLst>
          <pc:docMk/>
          <pc:sldMk cId="1982507334" sldId="941"/>
        </pc:sldMkLst>
      </pc:sldChg>
      <pc:sldChg chg="del">
        <pc:chgData name="Vagnarelli, Alessio" userId="7630aed0-756e-42de-813a-0c9638cc0479" providerId="ADAL" clId="{586ADE1C-C4EE-44AD-8214-1D8CF33CAA1C}" dt="2025-09-09T13:09:03.655" v="36" actId="2696"/>
        <pc:sldMkLst>
          <pc:docMk/>
          <pc:sldMk cId="702874749" sldId="942"/>
        </pc:sldMkLst>
      </pc:sldChg>
      <pc:sldChg chg="del">
        <pc:chgData name="Vagnarelli, Alessio" userId="7630aed0-756e-42de-813a-0c9638cc0479" providerId="ADAL" clId="{586ADE1C-C4EE-44AD-8214-1D8CF33CAA1C}" dt="2025-09-09T13:09:03.655" v="36" actId="2696"/>
        <pc:sldMkLst>
          <pc:docMk/>
          <pc:sldMk cId="2757573144" sldId="943"/>
        </pc:sldMkLst>
      </pc:sldChg>
      <pc:sldChg chg="del">
        <pc:chgData name="Vagnarelli, Alessio" userId="7630aed0-756e-42de-813a-0c9638cc0479" providerId="ADAL" clId="{586ADE1C-C4EE-44AD-8214-1D8CF33CAA1C}" dt="2025-09-11T11:15:06.453" v="389" actId="47"/>
        <pc:sldMkLst>
          <pc:docMk/>
          <pc:sldMk cId="112213075" sldId="944"/>
        </pc:sldMkLst>
      </pc:sldChg>
      <pc:sldChg chg="modSp add del mod">
        <pc:chgData name="Vagnarelli, Alessio" userId="7630aed0-756e-42de-813a-0c9638cc0479" providerId="ADAL" clId="{586ADE1C-C4EE-44AD-8214-1D8CF33CAA1C}" dt="2025-09-09T13:39:11.649" v="322" actId="47"/>
        <pc:sldMkLst>
          <pc:docMk/>
          <pc:sldMk cId="3095614524" sldId="945"/>
        </pc:sldMkLst>
        <pc:spChg chg="mod">
          <ac:chgData name="Vagnarelli, Alessio" userId="7630aed0-756e-42de-813a-0c9638cc0479" providerId="ADAL" clId="{586ADE1C-C4EE-44AD-8214-1D8CF33CAA1C}" dt="2025-09-09T13:11:51.041" v="58" actId="108"/>
          <ac:spMkLst>
            <pc:docMk/>
            <pc:sldMk cId="3095614524" sldId="945"/>
            <ac:spMk id="2" creationId="{1A53A8AD-38C0-4854-81B3-9B99B4E007ED}"/>
          </ac:spMkLst>
        </pc:spChg>
      </pc:sldChg>
      <pc:sldChg chg="del">
        <pc:chgData name="Vagnarelli, Alessio" userId="7630aed0-756e-42de-813a-0c9638cc0479" providerId="ADAL" clId="{586ADE1C-C4EE-44AD-8214-1D8CF33CAA1C}" dt="2025-09-09T13:09:03.655" v="36" actId="2696"/>
        <pc:sldMkLst>
          <pc:docMk/>
          <pc:sldMk cId="3851401578" sldId="945"/>
        </pc:sldMkLst>
      </pc:sldChg>
      <pc:sldChg chg="delSp modSp del mod delAnim">
        <pc:chgData name="Vagnarelli, Alessio" userId="7630aed0-756e-42de-813a-0c9638cc0479" providerId="ADAL" clId="{586ADE1C-C4EE-44AD-8214-1D8CF33CAA1C}" dt="2025-09-11T13:43:23.632" v="1095" actId="47"/>
        <pc:sldMkLst>
          <pc:docMk/>
          <pc:sldMk cId="272238740" sldId="946"/>
        </pc:sldMkLst>
        <pc:spChg chg="del mod">
          <ac:chgData name="Vagnarelli, Alessio" userId="7630aed0-756e-42de-813a-0c9638cc0479" providerId="ADAL" clId="{586ADE1C-C4EE-44AD-8214-1D8CF33CAA1C}" dt="2025-09-11T13:12:18.725" v="959" actId="21"/>
          <ac:spMkLst>
            <pc:docMk/>
            <pc:sldMk cId="272238740" sldId="946"/>
            <ac:spMk id="2" creationId="{382D5AE9-7CEF-7218-A6BB-FB19AF74390A}"/>
          </ac:spMkLst>
        </pc:spChg>
        <pc:spChg chg="del mod">
          <ac:chgData name="Vagnarelli, Alessio" userId="7630aed0-756e-42de-813a-0c9638cc0479" providerId="ADAL" clId="{586ADE1C-C4EE-44AD-8214-1D8CF33CAA1C}" dt="2025-09-11T13:12:07.858" v="955" actId="21"/>
          <ac:spMkLst>
            <pc:docMk/>
            <pc:sldMk cId="272238740" sldId="946"/>
            <ac:spMk id="4" creationId="{8E12DEF2-0BE8-CB78-5759-153CBD58974A}"/>
          </ac:spMkLst>
        </pc:spChg>
        <pc:spChg chg="mod">
          <ac:chgData name="Vagnarelli, Alessio" userId="7630aed0-756e-42de-813a-0c9638cc0479" providerId="ADAL" clId="{586ADE1C-C4EE-44AD-8214-1D8CF33CAA1C}" dt="2025-09-11T13:12:02.400" v="953" actId="14100"/>
          <ac:spMkLst>
            <pc:docMk/>
            <pc:sldMk cId="272238740" sldId="946"/>
            <ac:spMk id="5" creationId="{9EBB666A-D6FD-85CA-5426-A578F68FDA0E}"/>
          </ac:spMkLst>
        </pc:spChg>
        <pc:spChg chg="del mod">
          <ac:chgData name="Vagnarelli, Alessio" userId="7630aed0-756e-42de-813a-0c9638cc0479" providerId="ADAL" clId="{586ADE1C-C4EE-44AD-8214-1D8CF33CAA1C}" dt="2025-09-11T13:12:13.739" v="957" actId="21"/>
          <ac:spMkLst>
            <pc:docMk/>
            <pc:sldMk cId="272238740" sldId="946"/>
            <ac:spMk id="6" creationId="{31C4B402-8060-047D-D3C4-AA9E14EBA153}"/>
          </ac:spMkLst>
        </pc:spChg>
        <pc:spChg chg="mod">
          <ac:chgData name="Vagnarelli, Alessio" userId="7630aed0-756e-42de-813a-0c9638cc0479" providerId="ADAL" clId="{586ADE1C-C4EE-44AD-8214-1D8CF33CAA1C}" dt="2025-09-11T13:15:25.756" v="981" actId="6549"/>
          <ac:spMkLst>
            <pc:docMk/>
            <pc:sldMk cId="272238740" sldId="946"/>
            <ac:spMk id="8" creationId="{0467753E-7179-E4A4-D01A-FF33D932244B}"/>
          </ac:spMkLst>
        </pc:spChg>
      </pc:sldChg>
      <pc:sldChg chg="del">
        <pc:chgData name="Vagnarelli, Alessio" userId="7630aed0-756e-42de-813a-0c9638cc0479" providerId="ADAL" clId="{586ADE1C-C4EE-44AD-8214-1D8CF33CAA1C}" dt="2025-09-09T13:09:03.655" v="36" actId="2696"/>
        <pc:sldMkLst>
          <pc:docMk/>
          <pc:sldMk cId="2767369075" sldId="946"/>
        </pc:sldMkLst>
      </pc:sldChg>
      <pc:sldChg chg="del">
        <pc:chgData name="Vagnarelli, Alessio" userId="7630aed0-756e-42de-813a-0c9638cc0479" providerId="ADAL" clId="{586ADE1C-C4EE-44AD-8214-1D8CF33CAA1C}" dt="2025-09-09T13:09:03.655" v="36" actId="2696"/>
        <pc:sldMkLst>
          <pc:docMk/>
          <pc:sldMk cId="2693279092" sldId="947"/>
        </pc:sldMkLst>
      </pc:sldChg>
      <pc:sldChg chg="modSp mod">
        <pc:chgData name="Vagnarelli, Alessio" userId="7630aed0-756e-42de-813a-0c9638cc0479" providerId="ADAL" clId="{586ADE1C-C4EE-44AD-8214-1D8CF33CAA1C}" dt="2025-09-09T13:12:24.368" v="60" actId="207"/>
        <pc:sldMkLst>
          <pc:docMk/>
          <pc:sldMk cId="3628776721" sldId="947"/>
        </pc:sldMkLst>
        <pc:spChg chg="mod">
          <ac:chgData name="Vagnarelli, Alessio" userId="7630aed0-756e-42de-813a-0c9638cc0479" providerId="ADAL" clId="{586ADE1C-C4EE-44AD-8214-1D8CF33CAA1C}" dt="2025-09-09T13:12:24.368" v="60" actId="207"/>
          <ac:spMkLst>
            <pc:docMk/>
            <pc:sldMk cId="3628776721" sldId="947"/>
            <ac:spMk id="2" creationId="{1A53A8AD-38C0-4854-81B3-9B99B4E007ED}"/>
          </ac:spMkLst>
        </pc:spChg>
      </pc:sldChg>
      <pc:sldChg chg="del">
        <pc:chgData name="Vagnarelli, Alessio" userId="7630aed0-756e-42de-813a-0c9638cc0479" providerId="ADAL" clId="{586ADE1C-C4EE-44AD-8214-1D8CF33CAA1C}" dt="2025-09-09T13:09:03.655" v="36" actId="2696"/>
        <pc:sldMkLst>
          <pc:docMk/>
          <pc:sldMk cId="2240018730" sldId="948"/>
        </pc:sldMkLst>
      </pc:sldChg>
      <pc:sldChg chg="addSp delSp modSp del mod delAnim">
        <pc:chgData name="Vagnarelli, Alessio" userId="7630aed0-756e-42de-813a-0c9638cc0479" providerId="ADAL" clId="{586ADE1C-C4EE-44AD-8214-1D8CF33CAA1C}" dt="2025-09-22T11:25:02.259" v="2514" actId="47"/>
        <pc:sldMkLst>
          <pc:docMk/>
          <pc:sldMk cId="3818132493" sldId="948"/>
        </pc:sldMkLst>
        <pc:spChg chg="del">
          <ac:chgData name="Vagnarelli, Alessio" userId="7630aed0-756e-42de-813a-0c9638cc0479" providerId="ADAL" clId="{586ADE1C-C4EE-44AD-8214-1D8CF33CAA1C}" dt="2025-09-12T09:57:25.887" v="2020" actId="21"/>
          <ac:spMkLst>
            <pc:docMk/>
            <pc:sldMk cId="3818132493" sldId="948"/>
            <ac:spMk id="2" creationId="{382D5AE9-7CEF-7218-A6BB-FB19AF74390A}"/>
          </ac:spMkLst>
        </pc:spChg>
        <pc:spChg chg="add del mod">
          <ac:chgData name="Vagnarelli, Alessio" userId="7630aed0-756e-42de-813a-0c9638cc0479" providerId="ADAL" clId="{586ADE1C-C4EE-44AD-8214-1D8CF33CAA1C}" dt="2025-09-22T11:22:08.170" v="2497" actId="21"/>
          <ac:spMkLst>
            <pc:docMk/>
            <pc:sldMk cId="3818132493" sldId="948"/>
            <ac:spMk id="3" creationId="{533E9EA9-5C2C-3D70-14F9-65F716D50684}"/>
          </ac:spMkLst>
        </pc:spChg>
        <pc:spChg chg="del">
          <ac:chgData name="Vagnarelli, Alessio" userId="7630aed0-756e-42de-813a-0c9638cc0479" providerId="ADAL" clId="{586ADE1C-C4EE-44AD-8214-1D8CF33CAA1C}" dt="2025-09-12T09:57:20.781" v="2018" actId="21"/>
          <ac:spMkLst>
            <pc:docMk/>
            <pc:sldMk cId="3818132493" sldId="948"/>
            <ac:spMk id="4" creationId="{8E12DEF2-0BE8-CB78-5759-153CBD58974A}"/>
          </ac:spMkLst>
        </pc:spChg>
        <pc:spChg chg="mod">
          <ac:chgData name="Vagnarelli, Alessio" userId="7630aed0-756e-42de-813a-0c9638cc0479" providerId="ADAL" clId="{586ADE1C-C4EE-44AD-8214-1D8CF33CAA1C}" dt="2025-09-12T09:58:49.944" v="2120" actId="20577"/>
          <ac:spMkLst>
            <pc:docMk/>
            <pc:sldMk cId="3818132493" sldId="948"/>
            <ac:spMk id="5" creationId="{9EBB666A-D6FD-85CA-5426-A578F68FDA0E}"/>
          </ac:spMkLst>
        </pc:spChg>
        <pc:spChg chg="mod">
          <ac:chgData name="Vagnarelli, Alessio" userId="7630aed0-756e-42de-813a-0c9638cc0479" providerId="ADAL" clId="{586ADE1C-C4EE-44AD-8214-1D8CF33CAA1C}" dt="2025-09-22T11:22:13.302" v="2498" actId="1076"/>
          <ac:spMkLst>
            <pc:docMk/>
            <pc:sldMk cId="3818132493" sldId="948"/>
            <ac:spMk id="6" creationId="{31C4B402-8060-047D-D3C4-AA9E14EBA153}"/>
          </ac:spMkLst>
        </pc:spChg>
        <pc:spChg chg="del">
          <ac:chgData name="Vagnarelli, Alessio" userId="7630aed0-756e-42de-813a-0c9638cc0479" providerId="ADAL" clId="{586ADE1C-C4EE-44AD-8214-1D8CF33CAA1C}" dt="2025-09-12T09:57:28.974" v="2021" actId="21"/>
          <ac:spMkLst>
            <pc:docMk/>
            <pc:sldMk cId="3818132493" sldId="948"/>
            <ac:spMk id="8" creationId="{0467753E-7179-E4A4-D01A-FF33D932244B}"/>
          </ac:spMkLst>
        </pc:spChg>
      </pc:sldChg>
      <pc:sldChg chg="addSp delSp modSp add mod delAnim modAnim">
        <pc:chgData name="Vagnarelli, Alessio" userId="7630aed0-756e-42de-813a-0c9638cc0479" providerId="ADAL" clId="{586ADE1C-C4EE-44AD-8214-1D8CF33CAA1C}" dt="2025-09-22T11:03:41.234" v="2260" actId="123"/>
        <pc:sldMkLst>
          <pc:docMk/>
          <pc:sldMk cId="2115968327" sldId="949"/>
        </pc:sldMkLst>
        <pc:spChg chg="mod">
          <ac:chgData name="Vagnarelli, Alessio" userId="7630aed0-756e-42de-813a-0c9638cc0479" providerId="ADAL" clId="{586ADE1C-C4EE-44AD-8214-1D8CF33CAA1C}" dt="2025-09-12T09:39:14.014" v="1908" actId="255"/>
          <ac:spMkLst>
            <pc:docMk/>
            <pc:sldMk cId="2115968327" sldId="949"/>
            <ac:spMk id="2" creationId="{382D5AE9-7CEF-7218-A6BB-FB19AF74390A}"/>
          </ac:spMkLst>
        </pc:spChg>
        <pc:spChg chg="add mod">
          <ac:chgData name="Vagnarelli, Alessio" userId="7630aed0-756e-42de-813a-0c9638cc0479" providerId="ADAL" clId="{586ADE1C-C4EE-44AD-8214-1D8CF33CAA1C}" dt="2025-09-11T11:16:46.575" v="413" actId="1076"/>
          <ac:spMkLst>
            <pc:docMk/>
            <pc:sldMk cId="2115968327" sldId="949"/>
            <ac:spMk id="3" creationId="{6F164EE4-40ED-9162-69E8-5685DC9D5A39}"/>
          </ac:spMkLst>
        </pc:spChg>
        <pc:spChg chg="add mod">
          <ac:chgData name="Vagnarelli, Alessio" userId="7630aed0-756e-42de-813a-0c9638cc0479" providerId="ADAL" clId="{586ADE1C-C4EE-44AD-8214-1D8CF33CAA1C}" dt="2025-09-12T09:39:19.393" v="1909" actId="255"/>
          <ac:spMkLst>
            <pc:docMk/>
            <pc:sldMk cId="2115968327" sldId="949"/>
            <ac:spMk id="4" creationId="{E686F964-1FF7-C922-6230-E2A1A06616C6}"/>
          </ac:spMkLst>
        </pc:spChg>
        <pc:spChg chg="del mod">
          <ac:chgData name="Vagnarelli, Alessio" userId="7630aed0-756e-42de-813a-0c9638cc0479" providerId="ADAL" clId="{586ADE1C-C4EE-44AD-8214-1D8CF33CAA1C}" dt="2025-09-11T11:39:21.589" v="553" actId="21"/>
          <ac:spMkLst>
            <pc:docMk/>
            <pc:sldMk cId="2115968327" sldId="949"/>
            <ac:spMk id="5" creationId="{9EBB666A-D6FD-85CA-5426-A578F68FDA0E}"/>
          </ac:spMkLst>
        </pc:spChg>
        <pc:spChg chg="add del mod">
          <ac:chgData name="Vagnarelli, Alessio" userId="7630aed0-756e-42de-813a-0c9638cc0479" providerId="ADAL" clId="{586ADE1C-C4EE-44AD-8214-1D8CF33CAA1C}" dt="2025-09-11T11:19:56.477" v="435" actId="21"/>
          <ac:spMkLst>
            <pc:docMk/>
            <pc:sldMk cId="2115968327" sldId="949"/>
            <ac:spMk id="6" creationId="{0E1040A9-A20F-83ED-E160-79852A2B42D2}"/>
          </ac:spMkLst>
        </pc:spChg>
        <pc:spChg chg="add del mod">
          <ac:chgData name="Vagnarelli, Alessio" userId="7630aed0-756e-42de-813a-0c9638cc0479" providerId="ADAL" clId="{586ADE1C-C4EE-44AD-8214-1D8CF33CAA1C}" dt="2025-09-11T11:56:09.259" v="689" actId="21"/>
          <ac:spMkLst>
            <pc:docMk/>
            <pc:sldMk cId="2115968327" sldId="949"/>
            <ac:spMk id="7" creationId="{4DC38A4E-33F8-17DE-FB4C-7D5CB2A4CE86}"/>
          </ac:spMkLst>
        </pc:spChg>
        <pc:spChg chg="add mod">
          <ac:chgData name="Vagnarelli, Alessio" userId="7630aed0-756e-42de-813a-0c9638cc0479" providerId="ADAL" clId="{586ADE1C-C4EE-44AD-8214-1D8CF33CAA1C}" dt="2025-09-22T11:03:23.080" v="2258" actId="6549"/>
          <ac:spMkLst>
            <pc:docMk/>
            <pc:sldMk cId="2115968327" sldId="949"/>
            <ac:spMk id="8" creationId="{8D9271CC-53E2-6F2F-A4D4-8277A0D4C014}"/>
          </ac:spMkLst>
        </pc:spChg>
        <pc:spChg chg="add del mod">
          <ac:chgData name="Vagnarelli, Alessio" userId="7630aed0-756e-42de-813a-0c9638cc0479" providerId="ADAL" clId="{586ADE1C-C4EE-44AD-8214-1D8CF33CAA1C}" dt="2025-09-11T11:39:24.297" v="554" actId="21"/>
          <ac:spMkLst>
            <pc:docMk/>
            <pc:sldMk cId="2115968327" sldId="949"/>
            <ac:spMk id="10" creationId="{E0480FE5-A023-C0B7-249E-C4FF85314A48}"/>
          </ac:spMkLst>
        </pc:spChg>
        <pc:spChg chg="add mod">
          <ac:chgData name="Vagnarelli, Alessio" userId="7630aed0-756e-42de-813a-0c9638cc0479" providerId="ADAL" clId="{586ADE1C-C4EE-44AD-8214-1D8CF33CAA1C}" dt="2025-09-22T11:03:41.234" v="2260" actId="123"/>
          <ac:spMkLst>
            <pc:docMk/>
            <pc:sldMk cId="2115968327" sldId="949"/>
            <ac:spMk id="11" creationId="{A5BBC8C3-FA76-72AE-EAB2-A9083F48DA59}"/>
          </ac:spMkLst>
        </pc:spChg>
      </pc:sldChg>
      <pc:sldChg chg="modSp add del">
        <pc:chgData name="Vagnarelli, Alessio" userId="7630aed0-756e-42de-813a-0c9638cc0479" providerId="ADAL" clId="{586ADE1C-C4EE-44AD-8214-1D8CF33CAA1C}" dt="2025-09-09T13:38:54.153" v="318" actId="47"/>
        <pc:sldMkLst>
          <pc:docMk/>
          <pc:sldMk cId="975193875" sldId="950"/>
        </pc:sldMkLst>
        <pc:spChg chg="mod">
          <ac:chgData name="Vagnarelli, Alessio" userId="7630aed0-756e-42de-813a-0c9638cc0479" providerId="ADAL" clId="{586ADE1C-C4EE-44AD-8214-1D8CF33CAA1C}" dt="2025-09-09T13:29:07.137" v="224" actId="6549"/>
          <ac:spMkLst>
            <pc:docMk/>
            <pc:sldMk cId="975193875" sldId="950"/>
            <ac:spMk id="2" creationId="{382D5AE9-7CEF-7218-A6BB-FB19AF74390A}"/>
          </ac:spMkLst>
        </pc:spChg>
      </pc:sldChg>
      <pc:sldChg chg="modSp add del">
        <pc:chgData name="Vagnarelli, Alessio" userId="7630aed0-756e-42de-813a-0c9638cc0479" providerId="ADAL" clId="{586ADE1C-C4EE-44AD-8214-1D8CF33CAA1C}" dt="2025-09-09T13:38:54.904" v="319" actId="47"/>
        <pc:sldMkLst>
          <pc:docMk/>
          <pc:sldMk cId="1127821138" sldId="951"/>
        </pc:sldMkLst>
        <pc:spChg chg="mod">
          <ac:chgData name="Vagnarelli, Alessio" userId="7630aed0-756e-42de-813a-0c9638cc0479" providerId="ADAL" clId="{586ADE1C-C4EE-44AD-8214-1D8CF33CAA1C}" dt="2025-09-09T13:32:13.378" v="243" actId="20577"/>
          <ac:spMkLst>
            <pc:docMk/>
            <pc:sldMk cId="1127821138" sldId="951"/>
            <ac:spMk id="2" creationId="{382D5AE9-7CEF-7218-A6BB-FB19AF74390A}"/>
          </ac:spMkLst>
        </pc:spChg>
      </pc:sldChg>
      <pc:sldChg chg="modSp add del">
        <pc:chgData name="Vagnarelli, Alessio" userId="7630aed0-756e-42de-813a-0c9638cc0479" providerId="ADAL" clId="{586ADE1C-C4EE-44AD-8214-1D8CF33CAA1C}" dt="2025-09-09T13:38:55.743" v="320" actId="47"/>
        <pc:sldMkLst>
          <pc:docMk/>
          <pc:sldMk cId="1021248946" sldId="952"/>
        </pc:sldMkLst>
        <pc:spChg chg="mod">
          <ac:chgData name="Vagnarelli, Alessio" userId="7630aed0-756e-42de-813a-0c9638cc0479" providerId="ADAL" clId="{586ADE1C-C4EE-44AD-8214-1D8CF33CAA1C}" dt="2025-09-09T13:33:01.230" v="257" actId="6549"/>
          <ac:spMkLst>
            <pc:docMk/>
            <pc:sldMk cId="1021248946" sldId="952"/>
            <ac:spMk id="2" creationId="{382D5AE9-7CEF-7218-A6BB-FB19AF74390A}"/>
          </ac:spMkLst>
        </pc:spChg>
      </pc:sldChg>
      <pc:sldChg chg="addSp delSp modSp add mod">
        <pc:chgData name="Vagnarelli, Alessio" userId="7630aed0-756e-42de-813a-0c9638cc0479" providerId="ADAL" clId="{586ADE1C-C4EE-44AD-8214-1D8CF33CAA1C}" dt="2025-09-22T11:03:53.740" v="2266" actId="14100"/>
        <pc:sldMkLst>
          <pc:docMk/>
          <pc:sldMk cId="2664645208" sldId="953"/>
        </pc:sldMkLst>
        <pc:spChg chg="mod">
          <ac:chgData name="Vagnarelli, Alessio" userId="7630aed0-756e-42de-813a-0c9638cc0479" providerId="ADAL" clId="{586ADE1C-C4EE-44AD-8214-1D8CF33CAA1C}" dt="2025-09-12T09:39:38.983" v="1912" actId="255"/>
          <ac:spMkLst>
            <pc:docMk/>
            <pc:sldMk cId="2664645208" sldId="953"/>
            <ac:spMk id="2" creationId="{382D5AE9-7CEF-7218-A6BB-FB19AF74390A}"/>
          </ac:spMkLst>
        </pc:spChg>
        <pc:spChg chg="add del mod">
          <ac:chgData name="Vagnarelli, Alessio" userId="7630aed0-756e-42de-813a-0c9638cc0479" providerId="ADAL" clId="{586ADE1C-C4EE-44AD-8214-1D8CF33CAA1C}" dt="2025-09-11T11:33:30.182" v="490" actId="21"/>
          <ac:spMkLst>
            <pc:docMk/>
            <pc:sldMk cId="2664645208" sldId="953"/>
            <ac:spMk id="4" creationId="{2F753FA3-68B8-EDE2-3529-D1EEA5054CDB}"/>
          </ac:spMkLst>
        </pc:spChg>
        <pc:spChg chg="mod">
          <ac:chgData name="Vagnarelli, Alessio" userId="7630aed0-756e-42de-813a-0c9638cc0479" providerId="ADAL" clId="{586ADE1C-C4EE-44AD-8214-1D8CF33CAA1C}" dt="2025-09-22T11:03:53.740" v="2266" actId="14100"/>
          <ac:spMkLst>
            <pc:docMk/>
            <pc:sldMk cId="2664645208" sldId="953"/>
            <ac:spMk id="5" creationId="{9EBB666A-D6FD-85CA-5426-A578F68FDA0E}"/>
          </ac:spMkLst>
        </pc:spChg>
        <pc:spChg chg="add mod">
          <ac:chgData name="Vagnarelli, Alessio" userId="7630aed0-756e-42de-813a-0c9638cc0479" providerId="ADAL" clId="{586ADE1C-C4EE-44AD-8214-1D8CF33CAA1C}" dt="2025-09-12T09:39:47.413" v="1914" actId="1076"/>
          <ac:spMkLst>
            <pc:docMk/>
            <pc:sldMk cId="2664645208" sldId="953"/>
            <ac:spMk id="7" creationId="{41202A12-5B4D-2709-400A-F785D27ADAC8}"/>
          </ac:spMkLst>
        </pc:spChg>
        <pc:spChg chg="add del mod">
          <ac:chgData name="Vagnarelli, Alessio" userId="7630aed0-756e-42de-813a-0c9638cc0479" providerId="ADAL" clId="{586ADE1C-C4EE-44AD-8214-1D8CF33CAA1C}" dt="2025-09-11T11:58:26.964" v="702" actId="21"/>
          <ac:spMkLst>
            <pc:docMk/>
            <pc:sldMk cId="2664645208" sldId="953"/>
            <ac:spMk id="9" creationId="{A8433FA7-701D-AC5C-C881-BD15EA4CC90D}"/>
          </ac:spMkLst>
        </pc:spChg>
        <pc:spChg chg="add mod">
          <ac:chgData name="Vagnarelli, Alessio" userId="7630aed0-756e-42de-813a-0c9638cc0479" providerId="ADAL" clId="{586ADE1C-C4EE-44AD-8214-1D8CF33CAA1C}" dt="2025-09-12T09:39:50.975" v="1915" actId="1076"/>
          <ac:spMkLst>
            <pc:docMk/>
            <pc:sldMk cId="2664645208" sldId="953"/>
            <ac:spMk id="11" creationId="{D6889E70-2DA5-AF30-CBD9-765B7EF70364}"/>
          </ac:spMkLst>
        </pc:spChg>
      </pc:sldChg>
      <pc:sldChg chg="addSp delSp modSp add mod">
        <pc:chgData name="Vagnarelli, Alessio" userId="7630aed0-756e-42de-813a-0c9638cc0479" providerId="ADAL" clId="{586ADE1C-C4EE-44AD-8214-1D8CF33CAA1C}" dt="2025-09-22T11:04:26.232" v="2275" actId="6549"/>
        <pc:sldMkLst>
          <pc:docMk/>
          <pc:sldMk cId="1388151979" sldId="954"/>
        </pc:sldMkLst>
        <pc:spChg chg="mod">
          <ac:chgData name="Vagnarelli, Alessio" userId="7630aed0-756e-42de-813a-0c9638cc0479" providerId="ADAL" clId="{586ADE1C-C4EE-44AD-8214-1D8CF33CAA1C}" dt="2025-09-12T09:40:04.932" v="1916" actId="255"/>
          <ac:spMkLst>
            <pc:docMk/>
            <pc:sldMk cId="1388151979" sldId="954"/>
            <ac:spMk id="2" creationId="{382D5AE9-7CEF-7218-A6BB-FB19AF74390A}"/>
          </ac:spMkLst>
        </pc:spChg>
        <pc:spChg chg="add del mod">
          <ac:chgData name="Vagnarelli, Alessio" userId="7630aed0-756e-42de-813a-0c9638cc0479" providerId="ADAL" clId="{586ADE1C-C4EE-44AD-8214-1D8CF33CAA1C}" dt="2025-09-11T12:49:46.154" v="750" actId="21"/>
          <ac:spMkLst>
            <pc:docMk/>
            <pc:sldMk cId="1388151979" sldId="954"/>
            <ac:spMk id="4" creationId="{0F127C0B-2425-B6B3-F11A-126F6353329F}"/>
          </ac:spMkLst>
        </pc:spChg>
        <pc:spChg chg="mod">
          <ac:chgData name="Vagnarelli, Alessio" userId="7630aed0-756e-42de-813a-0c9638cc0479" providerId="ADAL" clId="{586ADE1C-C4EE-44AD-8214-1D8CF33CAA1C}" dt="2025-09-22T11:04:26.232" v="2275" actId="6549"/>
          <ac:spMkLst>
            <pc:docMk/>
            <pc:sldMk cId="1388151979" sldId="954"/>
            <ac:spMk id="5" creationId="{9EBB666A-D6FD-85CA-5426-A578F68FDA0E}"/>
          </ac:spMkLst>
        </pc:spChg>
        <pc:spChg chg="add mod">
          <ac:chgData name="Vagnarelli, Alessio" userId="7630aed0-756e-42de-813a-0c9638cc0479" providerId="ADAL" clId="{586ADE1C-C4EE-44AD-8214-1D8CF33CAA1C}" dt="2025-09-12T09:40:08.611" v="1917" actId="1076"/>
          <ac:spMkLst>
            <pc:docMk/>
            <pc:sldMk cId="1388151979" sldId="954"/>
            <ac:spMk id="7" creationId="{AFB3124A-74B9-A784-1572-ABAF03EBF716}"/>
          </ac:spMkLst>
        </pc:spChg>
      </pc:sldChg>
      <pc:sldChg chg="addSp delSp modSp add mod">
        <pc:chgData name="Vagnarelli, Alessio" userId="7630aed0-756e-42de-813a-0c9638cc0479" providerId="ADAL" clId="{586ADE1C-C4EE-44AD-8214-1D8CF33CAA1C}" dt="2025-09-22T11:04:32.233" v="2283" actId="6549"/>
        <pc:sldMkLst>
          <pc:docMk/>
          <pc:sldMk cId="247895638" sldId="955"/>
        </pc:sldMkLst>
        <pc:spChg chg="mod">
          <ac:chgData name="Vagnarelli, Alessio" userId="7630aed0-756e-42de-813a-0c9638cc0479" providerId="ADAL" clId="{586ADE1C-C4EE-44AD-8214-1D8CF33CAA1C}" dt="2025-09-12T09:40:18.035" v="1918" actId="255"/>
          <ac:spMkLst>
            <pc:docMk/>
            <pc:sldMk cId="247895638" sldId="955"/>
            <ac:spMk id="2" creationId="{382D5AE9-7CEF-7218-A6BB-FB19AF74390A}"/>
          </ac:spMkLst>
        </pc:spChg>
        <pc:spChg chg="add mod">
          <ac:chgData name="Vagnarelli, Alessio" userId="7630aed0-756e-42de-813a-0c9638cc0479" providerId="ADAL" clId="{586ADE1C-C4EE-44AD-8214-1D8CF33CAA1C}" dt="2025-09-12T09:40:24.644" v="1920" actId="255"/>
          <ac:spMkLst>
            <pc:docMk/>
            <pc:sldMk cId="247895638" sldId="955"/>
            <ac:spMk id="4" creationId="{E6CCFC3A-CA8B-B388-21E6-0053A3BB94FD}"/>
          </ac:spMkLst>
        </pc:spChg>
        <pc:spChg chg="mod">
          <ac:chgData name="Vagnarelli, Alessio" userId="7630aed0-756e-42de-813a-0c9638cc0479" providerId="ADAL" clId="{586ADE1C-C4EE-44AD-8214-1D8CF33CAA1C}" dt="2025-09-22T11:04:32.233" v="2283" actId="6549"/>
          <ac:spMkLst>
            <pc:docMk/>
            <pc:sldMk cId="247895638" sldId="955"/>
            <ac:spMk id="5" creationId="{9EBB666A-D6FD-85CA-5426-A578F68FDA0E}"/>
          </ac:spMkLst>
        </pc:spChg>
        <pc:spChg chg="add del mod">
          <ac:chgData name="Vagnarelli, Alessio" userId="7630aed0-756e-42de-813a-0c9638cc0479" providerId="ADAL" clId="{586ADE1C-C4EE-44AD-8214-1D8CF33CAA1C}" dt="2025-09-11T12:50:46.804" v="758" actId="21"/>
          <ac:spMkLst>
            <pc:docMk/>
            <pc:sldMk cId="247895638" sldId="955"/>
            <ac:spMk id="7" creationId="{41A90D1C-3AEB-BB65-13AF-AC65674ACE5A}"/>
          </ac:spMkLst>
        </pc:spChg>
        <pc:spChg chg="add mod">
          <ac:chgData name="Vagnarelli, Alessio" userId="7630aed0-756e-42de-813a-0c9638cc0479" providerId="ADAL" clId="{586ADE1C-C4EE-44AD-8214-1D8CF33CAA1C}" dt="2025-09-12T09:40:30.037" v="1922" actId="14100"/>
          <ac:spMkLst>
            <pc:docMk/>
            <pc:sldMk cId="247895638" sldId="955"/>
            <ac:spMk id="8" creationId="{0F127C0B-2425-B6B3-F11A-126F6353329F}"/>
          </ac:spMkLst>
        </pc:spChg>
      </pc:sldChg>
      <pc:sldChg chg="addSp modSp add mod">
        <pc:chgData name="Vagnarelli, Alessio" userId="7630aed0-756e-42de-813a-0c9638cc0479" providerId="ADAL" clId="{586ADE1C-C4EE-44AD-8214-1D8CF33CAA1C}" dt="2025-09-12T09:41:30.884" v="1932" actId="14100"/>
        <pc:sldMkLst>
          <pc:docMk/>
          <pc:sldMk cId="3247052445" sldId="956"/>
        </pc:sldMkLst>
        <pc:spChg chg="mod">
          <ac:chgData name="Vagnarelli, Alessio" userId="7630aed0-756e-42de-813a-0c9638cc0479" providerId="ADAL" clId="{586ADE1C-C4EE-44AD-8214-1D8CF33CAA1C}" dt="2025-09-12T09:40:52.870" v="1925" actId="255"/>
          <ac:spMkLst>
            <pc:docMk/>
            <pc:sldMk cId="3247052445" sldId="956"/>
            <ac:spMk id="2" creationId="{382D5AE9-7CEF-7218-A6BB-FB19AF74390A}"/>
          </ac:spMkLst>
        </pc:spChg>
        <pc:spChg chg="add mod">
          <ac:chgData name="Vagnarelli, Alessio" userId="7630aed0-756e-42de-813a-0c9638cc0479" providerId="ADAL" clId="{586ADE1C-C4EE-44AD-8214-1D8CF33CAA1C}" dt="2025-09-12T09:41:11.041" v="1928" actId="14100"/>
          <ac:spMkLst>
            <pc:docMk/>
            <pc:sldMk cId="3247052445" sldId="956"/>
            <ac:spMk id="4" creationId="{D1D81EA8-333E-E078-75CA-3BCCB2AEAFBF}"/>
          </ac:spMkLst>
        </pc:spChg>
        <pc:spChg chg="mod">
          <ac:chgData name="Vagnarelli, Alessio" userId="7630aed0-756e-42de-813a-0c9638cc0479" providerId="ADAL" clId="{586ADE1C-C4EE-44AD-8214-1D8CF33CAA1C}" dt="2025-09-11T12:58:53.438" v="802" actId="14100"/>
          <ac:spMkLst>
            <pc:docMk/>
            <pc:sldMk cId="3247052445" sldId="956"/>
            <ac:spMk id="5" creationId="{9EBB666A-D6FD-85CA-5426-A578F68FDA0E}"/>
          </ac:spMkLst>
        </pc:spChg>
        <pc:spChg chg="add mod">
          <ac:chgData name="Vagnarelli, Alessio" userId="7630aed0-756e-42de-813a-0c9638cc0479" providerId="ADAL" clId="{586ADE1C-C4EE-44AD-8214-1D8CF33CAA1C}" dt="2025-09-12T09:41:30.884" v="1932" actId="14100"/>
          <ac:spMkLst>
            <pc:docMk/>
            <pc:sldMk cId="3247052445" sldId="956"/>
            <ac:spMk id="7" creationId="{F12C8457-1FAF-E786-7C9A-BA453CBE2B1A}"/>
          </ac:spMkLst>
        </pc:spChg>
      </pc:sldChg>
      <pc:sldChg chg="addSp modSp add mod">
        <pc:chgData name="Vagnarelli, Alessio" userId="7630aed0-756e-42de-813a-0c9638cc0479" providerId="ADAL" clId="{586ADE1C-C4EE-44AD-8214-1D8CF33CAA1C}" dt="2025-09-22T11:04:44.282" v="2295" actId="6549"/>
        <pc:sldMkLst>
          <pc:docMk/>
          <pc:sldMk cId="1495026251" sldId="957"/>
        </pc:sldMkLst>
        <pc:spChg chg="mod">
          <ac:chgData name="Vagnarelli, Alessio" userId="7630aed0-756e-42de-813a-0c9638cc0479" providerId="ADAL" clId="{586ADE1C-C4EE-44AD-8214-1D8CF33CAA1C}" dt="2025-09-12T09:41:37.472" v="1933" actId="255"/>
          <ac:spMkLst>
            <pc:docMk/>
            <pc:sldMk cId="1495026251" sldId="957"/>
            <ac:spMk id="2" creationId="{382D5AE9-7CEF-7218-A6BB-FB19AF74390A}"/>
          </ac:spMkLst>
        </pc:spChg>
        <pc:spChg chg="add mod">
          <ac:chgData name="Vagnarelli, Alessio" userId="7630aed0-756e-42de-813a-0c9638cc0479" providerId="ADAL" clId="{586ADE1C-C4EE-44AD-8214-1D8CF33CAA1C}" dt="2025-09-12T09:41:49.727" v="1936" actId="255"/>
          <ac:spMkLst>
            <pc:docMk/>
            <pc:sldMk cId="1495026251" sldId="957"/>
            <ac:spMk id="4" creationId="{E5BA2A08-00D9-256B-EB6F-9E04E1D64947}"/>
          </ac:spMkLst>
        </pc:spChg>
        <pc:spChg chg="mod">
          <ac:chgData name="Vagnarelli, Alessio" userId="7630aed0-756e-42de-813a-0c9638cc0479" providerId="ADAL" clId="{586ADE1C-C4EE-44AD-8214-1D8CF33CAA1C}" dt="2025-09-22T11:04:44.282" v="2295" actId="6549"/>
          <ac:spMkLst>
            <pc:docMk/>
            <pc:sldMk cId="1495026251" sldId="957"/>
            <ac:spMk id="5" creationId="{9EBB666A-D6FD-85CA-5426-A578F68FDA0E}"/>
          </ac:spMkLst>
        </pc:spChg>
      </pc:sldChg>
      <pc:sldChg chg="modSp add del mod">
        <pc:chgData name="Vagnarelli, Alessio" userId="7630aed0-756e-42de-813a-0c9638cc0479" providerId="ADAL" clId="{586ADE1C-C4EE-44AD-8214-1D8CF33CAA1C}" dt="2025-09-11T11:56:58.435" v="695" actId="47"/>
        <pc:sldMkLst>
          <pc:docMk/>
          <pc:sldMk cId="1634082844" sldId="958"/>
        </pc:sldMkLst>
        <pc:spChg chg="mod">
          <ac:chgData name="Vagnarelli, Alessio" userId="7630aed0-756e-42de-813a-0c9638cc0479" providerId="ADAL" clId="{586ADE1C-C4EE-44AD-8214-1D8CF33CAA1C}" dt="2025-09-11T11:55:42.703" v="687" actId="14100"/>
          <ac:spMkLst>
            <pc:docMk/>
            <pc:sldMk cId="1634082844" sldId="958"/>
            <ac:spMk id="2" creationId="{382D5AE9-7CEF-7218-A6BB-FB19AF74390A}"/>
          </ac:spMkLst>
        </pc:spChg>
      </pc:sldChg>
      <pc:sldChg chg="modSp add del">
        <pc:chgData name="Vagnarelli, Alessio" userId="7630aed0-756e-42de-813a-0c9638cc0479" providerId="ADAL" clId="{586ADE1C-C4EE-44AD-8214-1D8CF33CAA1C}" dt="2025-09-11T11:57:35.881" v="701" actId="47"/>
        <pc:sldMkLst>
          <pc:docMk/>
          <pc:sldMk cId="3002993650" sldId="959"/>
        </pc:sldMkLst>
        <pc:spChg chg="mod">
          <ac:chgData name="Vagnarelli, Alessio" userId="7630aed0-756e-42de-813a-0c9638cc0479" providerId="ADAL" clId="{586ADE1C-C4EE-44AD-8214-1D8CF33CAA1C}" dt="2025-09-09T13:40:37.155" v="369" actId="6549"/>
          <ac:spMkLst>
            <pc:docMk/>
            <pc:sldMk cId="3002993650" sldId="959"/>
            <ac:spMk id="2" creationId="{382D5AE9-7CEF-7218-A6BB-FB19AF74390A}"/>
          </ac:spMkLst>
        </pc:spChg>
      </pc:sldChg>
      <pc:sldChg chg="modSp add del mod modAnim">
        <pc:chgData name="Vagnarelli, Alessio" userId="7630aed0-756e-42de-813a-0c9638cc0479" providerId="ADAL" clId="{586ADE1C-C4EE-44AD-8214-1D8CF33CAA1C}" dt="2025-09-11T12:59:46.380" v="814" actId="47"/>
        <pc:sldMkLst>
          <pc:docMk/>
          <pc:sldMk cId="1727251399" sldId="960"/>
        </pc:sldMkLst>
        <pc:spChg chg="mod">
          <ac:chgData name="Vagnarelli, Alessio" userId="7630aed0-756e-42de-813a-0c9638cc0479" providerId="ADAL" clId="{586ADE1C-C4EE-44AD-8214-1D8CF33CAA1C}" dt="2025-09-09T13:40:58.577" v="374" actId="6549"/>
          <ac:spMkLst>
            <pc:docMk/>
            <pc:sldMk cId="1727251399" sldId="960"/>
            <ac:spMk id="2" creationId="{382D5AE9-7CEF-7218-A6BB-FB19AF74390A}"/>
          </ac:spMkLst>
        </pc:spChg>
        <pc:spChg chg="mod">
          <ac:chgData name="Vagnarelli, Alessio" userId="7630aed0-756e-42de-813a-0c9638cc0479" providerId="ADAL" clId="{586ADE1C-C4EE-44AD-8214-1D8CF33CAA1C}" dt="2025-09-11T12:59:38.618" v="813" actId="14100"/>
          <ac:spMkLst>
            <pc:docMk/>
            <pc:sldMk cId="1727251399" sldId="960"/>
            <ac:spMk id="5" creationId="{9EBB666A-D6FD-85CA-5426-A578F68FDA0E}"/>
          </ac:spMkLst>
        </pc:spChg>
      </pc:sldChg>
      <pc:sldChg chg="modSp add del">
        <pc:chgData name="Vagnarelli, Alessio" userId="7630aed0-756e-42de-813a-0c9638cc0479" providerId="ADAL" clId="{586ADE1C-C4EE-44AD-8214-1D8CF33CAA1C}" dt="2025-09-11T13:00:15.505" v="815" actId="2696"/>
        <pc:sldMkLst>
          <pc:docMk/>
          <pc:sldMk cId="572067215" sldId="961"/>
        </pc:sldMkLst>
        <pc:spChg chg="mod">
          <ac:chgData name="Vagnarelli, Alessio" userId="7630aed0-756e-42de-813a-0c9638cc0479" providerId="ADAL" clId="{586ADE1C-C4EE-44AD-8214-1D8CF33CAA1C}" dt="2025-09-09T13:41:23.291" v="377" actId="6549"/>
          <ac:spMkLst>
            <pc:docMk/>
            <pc:sldMk cId="572067215" sldId="961"/>
            <ac:spMk id="2" creationId="{382D5AE9-7CEF-7218-A6BB-FB19AF74390A}"/>
          </ac:spMkLst>
        </pc:spChg>
      </pc:sldChg>
      <pc:sldChg chg="modSp add del modAnim">
        <pc:chgData name="Vagnarelli, Alessio" userId="7630aed0-756e-42de-813a-0c9638cc0479" providerId="ADAL" clId="{586ADE1C-C4EE-44AD-8214-1D8CF33CAA1C}" dt="2025-09-11T13:00:46.507" v="817" actId="47"/>
        <pc:sldMkLst>
          <pc:docMk/>
          <pc:sldMk cId="2749995396" sldId="962"/>
        </pc:sldMkLst>
        <pc:spChg chg="mod">
          <ac:chgData name="Vagnarelli, Alessio" userId="7630aed0-756e-42de-813a-0c9638cc0479" providerId="ADAL" clId="{586ADE1C-C4EE-44AD-8214-1D8CF33CAA1C}" dt="2025-09-09T13:41:45.167" v="382" actId="6549"/>
          <ac:spMkLst>
            <pc:docMk/>
            <pc:sldMk cId="2749995396" sldId="962"/>
            <ac:spMk id="2" creationId="{382D5AE9-7CEF-7218-A6BB-FB19AF74390A}"/>
          </ac:spMkLst>
        </pc:spChg>
      </pc:sldChg>
      <pc:sldChg chg="modSp add del">
        <pc:chgData name="Vagnarelli, Alessio" userId="7630aed0-756e-42de-813a-0c9638cc0479" providerId="ADAL" clId="{586ADE1C-C4EE-44AD-8214-1D8CF33CAA1C}" dt="2025-09-11T13:02:05.015" v="845" actId="47"/>
        <pc:sldMkLst>
          <pc:docMk/>
          <pc:sldMk cId="2610966276" sldId="963"/>
        </pc:sldMkLst>
        <pc:spChg chg="mod">
          <ac:chgData name="Vagnarelli, Alessio" userId="7630aed0-756e-42de-813a-0c9638cc0479" providerId="ADAL" clId="{586ADE1C-C4EE-44AD-8214-1D8CF33CAA1C}" dt="2025-09-09T13:41:55.546" v="385" actId="6549"/>
          <ac:spMkLst>
            <pc:docMk/>
            <pc:sldMk cId="2610966276" sldId="963"/>
            <ac:spMk id="2" creationId="{382D5AE9-7CEF-7218-A6BB-FB19AF74390A}"/>
          </ac:spMkLst>
        </pc:spChg>
      </pc:sldChg>
      <pc:sldChg chg="modSp add del">
        <pc:chgData name="Vagnarelli, Alessio" userId="7630aed0-756e-42de-813a-0c9638cc0479" providerId="ADAL" clId="{586ADE1C-C4EE-44AD-8214-1D8CF33CAA1C}" dt="2025-09-11T13:03:55.214" v="846" actId="47"/>
        <pc:sldMkLst>
          <pc:docMk/>
          <pc:sldMk cId="1167582541" sldId="964"/>
        </pc:sldMkLst>
        <pc:spChg chg="mod">
          <ac:chgData name="Vagnarelli, Alessio" userId="7630aed0-756e-42de-813a-0c9638cc0479" providerId="ADAL" clId="{586ADE1C-C4EE-44AD-8214-1D8CF33CAA1C}" dt="2025-09-09T13:41:59.254" v="386" actId="6549"/>
          <ac:spMkLst>
            <pc:docMk/>
            <pc:sldMk cId="1167582541" sldId="964"/>
            <ac:spMk id="2" creationId="{382D5AE9-7CEF-7218-A6BB-FB19AF74390A}"/>
          </ac:spMkLst>
        </pc:spChg>
      </pc:sldChg>
      <pc:sldChg chg="addSp modSp add mod">
        <pc:chgData name="Vagnarelli, Alessio" userId="7630aed0-756e-42de-813a-0c9638cc0479" providerId="ADAL" clId="{586ADE1C-C4EE-44AD-8214-1D8CF33CAA1C}" dt="2025-09-22T11:04:38.919" v="2289" actId="6549"/>
        <pc:sldMkLst>
          <pc:docMk/>
          <pc:sldMk cId="763394545" sldId="965"/>
        </pc:sldMkLst>
        <pc:spChg chg="mod">
          <ac:chgData name="Vagnarelli, Alessio" userId="7630aed0-756e-42de-813a-0c9638cc0479" providerId="ADAL" clId="{586ADE1C-C4EE-44AD-8214-1D8CF33CAA1C}" dt="2025-09-12T09:40:41.384" v="1923" actId="255"/>
          <ac:spMkLst>
            <pc:docMk/>
            <pc:sldMk cId="763394545" sldId="965"/>
            <ac:spMk id="2" creationId="{382D5AE9-7CEF-7218-A6BB-FB19AF74390A}"/>
          </ac:spMkLst>
        </pc:spChg>
        <pc:spChg chg="add mod">
          <ac:chgData name="Vagnarelli, Alessio" userId="7630aed0-756e-42de-813a-0c9638cc0479" providerId="ADAL" clId="{586ADE1C-C4EE-44AD-8214-1D8CF33CAA1C}" dt="2025-09-12T09:40:44.387" v="1924" actId="1076"/>
          <ac:spMkLst>
            <pc:docMk/>
            <pc:sldMk cId="763394545" sldId="965"/>
            <ac:spMk id="3" creationId="{D013464B-84C6-8EFB-F99B-13ABC0687B8B}"/>
          </ac:spMkLst>
        </pc:spChg>
        <pc:spChg chg="mod">
          <ac:chgData name="Vagnarelli, Alessio" userId="7630aed0-756e-42de-813a-0c9638cc0479" providerId="ADAL" clId="{586ADE1C-C4EE-44AD-8214-1D8CF33CAA1C}" dt="2025-09-22T11:04:38.919" v="2289" actId="6549"/>
          <ac:spMkLst>
            <pc:docMk/>
            <pc:sldMk cId="763394545" sldId="965"/>
            <ac:spMk id="5" creationId="{9EBB666A-D6FD-85CA-5426-A578F68FDA0E}"/>
          </ac:spMkLst>
        </pc:spChg>
      </pc:sldChg>
      <pc:sldChg chg="modSp add mod">
        <pc:chgData name="Vagnarelli, Alessio" userId="7630aed0-756e-42de-813a-0c9638cc0479" providerId="ADAL" clId="{586ADE1C-C4EE-44AD-8214-1D8CF33CAA1C}" dt="2025-09-12T09:42:17.723" v="1941" actId="14100"/>
        <pc:sldMkLst>
          <pc:docMk/>
          <pc:sldMk cId="1550884657" sldId="966"/>
        </pc:sldMkLst>
        <pc:spChg chg="mod">
          <ac:chgData name="Vagnarelli, Alessio" userId="7630aed0-756e-42de-813a-0c9638cc0479" providerId="ADAL" clId="{586ADE1C-C4EE-44AD-8214-1D8CF33CAA1C}" dt="2025-09-12T09:42:14.725" v="1940" actId="1076"/>
          <ac:spMkLst>
            <pc:docMk/>
            <pc:sldMk cId="1550884657" sldId="966"/>
            <ac:spMk id="2" creationId="{382D5AE9-7CEF-7218-A6BB-FB19AF74390A}"/>
          </ac:spMkLst>
        </pc:spChg>
        <pc:spChg chg="mod">
          <ac:chgData name="Vagnarelli, Alessio" userId="7630aed0-756e-42de-813a-0c9638cc0479" providerId="ADAL" clId="{586ADE1C-C4EE-44AD-8214-1D8CF33CAA1C}" dt="2025-09-12T09:42:17.723" v="1941" actId="14100"/>
          <ac:spMkLst>
            <pc:docMk/>
            <pc:sldMk cId="1550884657" sldId="966"/>
            <ac:spMk id="4" creationId="{E5BA2A08-00D9-256B-EB6F-9E04E1D64947}"/>
          </ac:spMkLst>
        </pc:spChg>
        <pc:spChg chg="mod">
          <ac:chgData name="Vagnarelli, Alessio" userId="7630aed0-756e-42de-813a-0c9638cc0479" providerId="ADAL" clId="{586ADE1C-C4EE-44AD-8214-1D8CF33CAA1C}" dt="2025-09-11T13:07:44.506" v="911" actId="6549"/>
          <ac:spMkLst>
            <pc:docMk/>
            <pc:sldMk cId="1550884657" sldId="966"/>
            <ac:spMk id="5" creationId="{9EBB666A-D6FD-85CA-5426-A578F68FDA0E}"/>
          </ac:spMkLst>
        </pc:spChg>
      </pc:sldChg>
      <pc:sldChg chg="modSp add del">
        <pc:chgData name="Vagnarelli, Alessio" userId="7630aed0-756e-42de-813a-0c9638cc0479" providerId="ADAL" clId="{586ADE1C-C4EE-44AD-8214-1D8CF33CAA1C}" dt="2025-09-11T13:43:23.632" v="1095" actId="47"/>
        <pc:sldMkLst>
          <pc:docMk/>
          <pc:sldMk cId="1675549455" sldId="967"/>
        </pc:sldMkLst>
        <pc:spChg chg="mod">
          <ac:chgData name="Vagnarelli, Alessio" userId="7630aed0-756e-42de-813a-0c9638cc0479" providerId="ADAL" clId="{586ADE1C-C4EE-44AD-8214-1D8CF33CAA1C}" dt="2025-09-11T13:15:47.943" v="986" actId="6549"/>
          <ac:spMkLst>
            <pc:docMk/>
            <pc:sldMk cId="1675549455" sldId="967"/>
            <ac:spMk id="8" creationId="{0467753E-7179-E4A4-D01A-FF33D932244B}"/>
          </ac:spMkLst>
        </pc:spChg>
      </pc:sldChg>
      <pc:sldChg chg="modSp add del mod modAnim">
        <pc:chgData name="Vagnarelli, Alessio" userId="7630aed0-756e-42de-813a-0c9638cc0479" providerId="ADAL" clId="{586ADE1C-C4EE-44AD-8214-1D8CF33CAA1C}" dt="2025-09-11T13:43:23.632" v="1095" actId="47"/>
        <pc:sldMkLst>
          <pc:docMk/>
          <pc:sldMk cId="3455668756" sldId="968"/>
        </pc:sldMkLst>
        <pc:spChg chg="mod">
          <ac:chgData name="Vagnarelli, Alessio" userId="7630aed0-756e-42de-813a-0c9638cc0479" providerId="ADAL" clId="{586ADE1C-C4EE-44AD-8214-1D8CF33CAA1C}" dt="2025-09-11T13:16:14.922" v="992" actId="6549"/>
          <ac:spMkLst>
            <pc:docMk/>
            <pc:sldMk cId="3455668756" sldId="968"/>
            <ac:spMk id="8" creationId="{0467753E-7179-E4A4-D01A-FF33D932244B}"/>
          </ac:spMkLst>
        </pc:spChg>
      </pc:sldChg>
      <pc:sldChg chg="modSp add del">
        <pc:chgData name="Vagnarelli, Alessio" userId="7630aed0-756e-42de-813a-0c9638cc0479" providerId="ADAL" clId="{586ADE1C-C4EE-44AD-8214-1D8CF33CAA1C}" dt="2025-09-11T13:43:23.632" v="1095" actId="47"/>
        <pc:sldMkLst>
          <pc:docMk/>
          <pc:sldMk cId="4047529732" sldId="969"/>
        </pc:sldMkLst>
        <pc:spChg chg="mod">
          <ac:chgData name="Vagnarelli, Alessio" userId="7630aed0-756e-42de-813a-0c9638cc0479" providerId="ADAL" clId="{586ADE1C-C4EE-44AD-8214-1D8CF33CAA1C}" dt="2025-09-11T13:16:37.165" v="997" actId="6549"/>
          <ac:spMkLst>
            <pc:docMk/>
            <pc:sldMk cId="4047529732" sldId="969"/>
            <ac:spMk id="8" creationId="{0467753E-7179-E4A4-D01A-FF33D932244B}"/>
          </ac:spMkLst>
        </pc:spChg>
      </pc:sldChg>
      <pc:sldChg chg="modSp add del">
        <pc:chgData name="Vagnarelli, Alessio" userId="7630aed0-756e-42de-813a-0c9638cc0479" providerId="ADAL" clId="{586ADE1C-C4EE-44AD-8214-1D8CF33CAA1C}" dt="2025-09-11T13:43:23.632" v="1095" actId="47"/>
        <pc:sldMkLst>
          <pc:docMk/>
          <pc:sldMk cId="2671865524" sldId="970"/>
        </pc:sldMkLst>
        <pc:spChg chg="mod">
          <ac:chgData name="Vagnarelli, Alessio" userId="7630aed0-756e-42de-813a-0c9638cc0479" providerId="ADAL" clId="{586ADE1C-C4EE-44AD-8214-1D8CF33CAA1C}" dt="2025-09-11T13:17:27.517" v="1000" actId="6549"/>
          <ac:spMkLst>
            <pc:docMk/>
            <pc:sldMk cId="2671865524" sldId="970"/>
            <ac:spMk id="8" creationId="{0467753E-7179-E4A4-D01A-FF33D932244B}"/>
          </ac:spMkLst>
        </pc:spChg>
      </pc:sldChg>
      <pc:sldChg chg="addSp delSp modSp add del mod delAnim">
        <pc:chgData name="Vagnarelli, Alessio" userId="7630aed0-756e-42de-813a-0c9638cc0479" providerId="ADAL" clId="{586ADE1C-C4EE-44AD-8214-1D8CF33CAA1C}" dt="2025-09-11T13:43:23.632" v="1095" actId="47"/>
        <pc:sldMkLst>
          <pc:docMk/>
          <pc:sldMk cId="8870820" sldId="971"/>
        </pc:sldMkLst>
        <pc:spChg chg="add mod">
          <ac:chgData name="Vagnarelli, Alessio" userId="7630aed0-756e-42de-813a-0c9638cc0479" providerId="ADAL" clId="{586ADE1C-C4EE-44AD-8214-1D8CF33CAA1C}" dt="2025-09-11T13:25:08.447" v="1023" actId="1076"/>
          <ac:spMkLst>
            <pc:docMk/>
            <pc:sldMk cId="8870820" sldId="971"/>
            <ac:spMk id="2" creationId="{4873F148-4BF4-D0F8-A643-4DDE9604853C}"/>
          </ac:spMkLst>
        </pc:spChg>
        <pc:spChg chg="del mod">
          <ac:chgData name="Vagnarelli, Alessio" userId="7630aed0-756e-42de-813a-0c9638cc0479" providerId="ADAL" clId="{586ADE1C-C4EE-44AD-8214-1D8CF33CAA1C}" dt="2025-09-11T13:23:55.845" v="1003" actId="21"/>
          <ac:spMkLst>
            <pc:docMk/>
            <pc:sldMk cId="8870820" sldId="971"/>
            <ac:spMk id="8" creationId="{0467753E-7179-E4A4-D01A-FF33D932244B}"/>
          </ac:spMkLst>
        </pc:spChg>
      </pc:sldChg>
      <pc:sldChg chg="addSp delSp modSp add mod">
        <pc:chgData name="Vagnarelli, Alessio" userId="7630aed0-756e-42de-813a-0c9638cc0479" providerId="ADAL" clId="{586ADE1C-C4EE-44AD-8214-1D8CF33CAA1C}" dt="2025-09-12T09:43:42.947" v="1953" actId="14100"/>
        <pc:sldMkLst>
          <pc:docMk/>
          <pc:sldMk cId="2301407564" sldId="972"/>
        </pc:sldMkLst>
        <pc:spChg chg="mod">
          <ac:chgData name="Vagnarelli, Alessio" userId="7630aed0-756e-42de-813a-0c9638cc0479" providerId="ADAL" clId="{586ADE1C-C4EE-44AD-8214-1D8CF33CAA1C}" dt="2025-09-11T13:39:48.703" v="1061" actId="14100"/>
          <ac:spMkLst>
            <pc:docMk/>
            <pc:sldMk cId="2301407564" sldId="972"/>
            <ac:spMk id="2" creationId="{00000000-0000-0000-0000-000000000000}"/>
          </ac:spMkLst>
        </pc:spChg>
        <pc:spChg chg="add mod">
          <ac:chgData name="Vagnarelli, Alessio" userId="7630aed0-756e-42de-813a-0c9638cc0479" providerId="ADAL" clId="{586ADE1C-C4EE-44AD-8214-1D8CF33CAA1C}" dt="2025-09-12T09:43:42.947" v="1953" actId="14100"/>
          <ac:spMkLst>
            <pc:docMk/>
            <pc:sldMk cId="2301407564" sldId="972"/>
            <ac:spMk id="3" creationId="{719670C5-0317-D1A9-857A-20FE59E4ED2B}"/>
          </ac:spMkLst>
        </pc:spChg>
        <pc:spChg chg="del">
          <ac:chgData name="Vagnarelli, Alessio" userId="7630aed0-756e-42de-813a-0c9638cc0479" providerId="ADAL" clId="{586ADE1C-C4EE-44AD-8214-1D8CF33CAA1C}" dt="2025-09-11T13:37:35.963" v="1044" actId="21"/>
          <ac:spMkLst>
            <pc:docMk/>
            <pc:sldMk cId="2301407564" sldId="972"/>
            <ac:spMk id="4" creationId="{4BE14CED-946E-ADBE-6CC4-EF4B42C2848D}"/>
          </ac:spMkLst>
        </pc:spChg>
      </pc:sldChg>
      <pc:sldChg chg="addSp delSp modSp add mod ord">
        <pc:chgData name="Vagnarelli, Alessio" userId="7630aed0-756e-42de-813a-0c9638cc0479" providerId="ADAL" clId="{586ADE1C-C4EE-44AD-8214-1D8CF33CAA1C}" dt="2025-09-12T09:43:38.284" v="1952" actId="14100"/>
        <pc:sldMkLst>
          <pc:docMk/>
          <pc:sldMk cId="2645824583" sldId="973"/>
        </pc:sldMkLst>
        <pc:spChg chg="del">
          <ac:chgData name="Vagnarelli, Alessio" userId="7630aed0-756e-42de-813a-0c9638cc0479" providerId="ADAL" clId="{586ADE1C-C4EE-44AD-8214-1D8CF33CAA1C}" dt="2025-09-11T13:41:23.651" v="1076" actId="21"/>
          <ac:spMkLst>
            <pc:docMk/>
            <pc:sldMk cId="2645824583" sldId="973"/>
            <ac:spMk id="2" creationId="{00000000-0000-0000-0000-000000000000}"/>
          </ac:spMkLst>
        </pc:spChg>
        <pc:spChg chg="mod">
          <ac:chgData name="Vagnarelli, Alessio" userId="7630aed0-756e-42de-813a-0c9638cc0479" providerId="ADAL" clId="{586ADE1C-C4EE-44AD-8214-1D8CF33CAA1C}" dt="2025-09-12T09:43:38.284" v="1952" actId="14100"/>
          <ac:spMkLst>
            <pc:docMk/>
            <pc:sldMk cId="2645824583" sldId="973"/>
            <ac:spMk id="3" creationId="{719670C5-0317-D1A9-857A-20FE59E4ED2B}"/>
          </ac:spMkLst>
        </pc:spChg>
        <pc:spChg chg="add mod">
          <ac:chgData name="Vagnarelli, Alessio" userId="7630aed0-756e-42de-813a-0c9638cc0479" providerId="ADAL" clId="{586ADE1C-C4EE-44AD-8214-1D8CF33CAA1C}" dt="2025-09-11T13:41:19.157" v="1075"/>
          <ac:spMkLst>
            <pc:docMk/>
            <pc:sldMk cId="2645824583" sldId="973"/>
            <ac:spMk id="4" creationId="{E564377F-E278-6AA6-C57F-0E23E38648F7}"/>
          </ac:spMkLst>
        </pc:spChg>
        <pc:spChg chg="add del mod">
          <ac:chgData name="Vagnarelli, Alessio" userId="7630aed0-756e-42de-813a-0c9638cc0479" providerId="ADAL" clId="{586ADE1C-C4EE-44AD-8214-1D8CF33CAA1C}" dt="2025-09-11T13:41:31.893" v="1077" actId="21"/>
          <ac:spMkLst>
            <pc:docMk/>
            <pc:sldMk cId="2645824583" sldId="973"/>
            <ac:spMk id="6" creationId="{DA270E51-60F5-E6D1-C571-F71EF7E64440}"/>
          </ac:spMkLst>
        </pc:spChg>
      </pc:sldChg>
      <pc:sldChg chg="addSp delSp modSp add mod">
        <pc:chgData name="Vagnarelli, Alessio" userId="7630aed0-756e-42de-813a-0c9638cc0479" providerId="ADAL" clId="{586ADE1C-C4EE-44AD-8214-1D8CF33CAA1C}" dt="2025-09-12T09:43:29.356" v="1951" actId="14100"/>
        <pc:sldMkLst>
          <pc:docMk/>
          <pc:sldMk cId="2445328380" sldId="974"/>
        </pc:sldMkLst>
        <pc:spChg chg="add mod">
          <ac:chgData name="Vagnarelli, Alessio" userId="7630aed0-756e-42de-813a-0c9638cc0479" providerId="ADAL" clId="{586ADE1C-C4EE-44AD-8214-1D8CF33CAA1C}" dt="2025-09-11T13:45:51.270" v="1100" actId="1076"/>
          <ac:spMkLst>
            <pc:docMk/>
            <pc:sldMk cId="2445328380" sldId="974"/>
            <ac:spMk id="2" creationId="{154CE578-C262-7030-BCD3-16DA60292C15}"/>
          </ac:spMkLst>
        </pc:spChg>
        <pc:spChg chg="del mod">
          <ac:chgData name="Vagnarelli, Alessio" userId="7630aed0-756e-42de-813a-0c9638cc0479" providerId="ADAL" clId="{586ADE1C-C4EE-44AD-8214-1D8CF33CAA1C}" dt="2025-09-11T13:45:57.929" v="1101" actId="21"/>
          <ac:spMkLst>
            <pc:docMk/>
            <pc:sldMk cId="2445328380" sldId="974"/>
            <ac:spMk id="3" creationId="{719670C5-0317-D1A9-857A-20FE59E4ED2B}"/>
          </ac:spMkLst>
        </pc:spChg>
        <pc:spChg chg="mod">
          <ac:chgData name="Vagnarelli, Alessio" userId="7630aed0-756e-42de-813a-0c9638cc0479" providerId="ADAL" clId="{586ADE1C-C4EE-44AD-8214-1D8CF33CAA1C}" dt="2025-09-11T14:13:48.653" v="1442" actId="1076"/>
          <ac:spMkLst>
            <pc:docMk/>
            <pc:sldMk cId="2445328380" sldId="974"/>
            <ac:spMk id="4" creationId="{E564377F-E278-6AA6-C57F-0E23E38648F7}"/>
          </ac:spMkLst>
        </pc:spChg>
        <pc:spChg chg="add mod">
          <ac:chgData name="Vagnarelli, Alessio" userId="7630aed0-756e-42de-813a-0c9638cc0479" providerId="ADAL" clId="{586ADE1C-C4EE-44AD-8214-1D8CF33CAA1C}" dt="2025-09-11T13:45:51.270" v="1100" actId="1076"/>
          <ac:spMkLst>
            <pc:docMk/>
            <pc:sldMk cId="2445328380" sldId="974"/>
            <ac:spMk id="5" creationId="{CA215569-4BCE-619B-4471-D451456D3887}"/>
          </ac:spMkLst>
        </pc:spChg>
        <pc:spChg chg="add mod">
          <ac:chgData name="Vagnarelli, Alessio" userId="7630aed0-756e-42de-813a-0c9638cc0479" providerId="ADAL" clId="{586ADE1C-C4EE-44AD-8214-1D8CF33CAA1C}" dt="2025-09-11T13:45:51.270" v="1100" actId="1076"/>
          <ac:spMkLst>
            <pc:docMk/>
            <pc:sldMk cId="2445328380" sldId="974"/>
            <ac:spMk id="6" creationId="{E0D6814E-17F3-007C-B777-1EBB3FAD21B8}"/>
          </ac:spMkLst>
        </pc:spChg>
        <pc:spChg chg="add mod">
          <ac:chgData name="Vagnarelli, Alessio" userId="7630aed0-756e-42de-813a-0c9638cc0479" providerId="ADAL" clId="{586ADE1C-C4EE-44AD-8214-1D8CF33CAA1C}" dt="2025-09-11T13:46:13.657" v="1104" actId="1076"/>
          <ac:spMkLst>
            <pc:docMk/>
            <pc:sldMk cId="2445328380" sldId="974"/>
            <ac:spMk id="7" creationId="{80102470-F64A-3AA9-BE54-00F69E6A8212}"/>
          </ac:spMkLst>
        </pc:spChg>
        <pc:spChg chg="add mod">
          <ac:chgData name="Vagnarelli, Alessio" userId="7630aed0-756e-42de-813a-0c9638cc0479" providerId="ADAL" clId="{586ADE1C-C4EE-44AD-8214-1D8CF33CAA1C}" dt="2025-09-11T13:46:13.657" v="1104" actId="1076"/>
          <ac:spMkLst>
            <pc:docMk/>
            <pc:sldMk cId="2445328380" sldId="974"/>
            <ac:spMk id="8" creationId="{BE85D774-E3B3-AAA4-16EC-280538FCBF14}"/>
          </ac:spMkLst>
        </pc:spChg>
        <pc:spChg chg="add mod">
          <ac:chgData name="Vagnarelli, Alessio" userId="7630aed0-756e-42de-813a-0c9638cc0479" providerId="ADAL" clId="{586ADE1C-C4EE-44AD-8214-1D8CF33CAA1C}" dt="2025-09-11T13:46:13.657" v="1104" actId="1076"/>
          <ac:spMkLst>
            <pc:docMk/>
            <pc:sldMk cId="2445328380" sldId="974"/>
            <ac:spMk id="9" creationId="{84A7C9C4-7E95-27C3-9040-1D4B0E44CD33}"/>
          </ac:spMkLst>
        </pc:spChg>
        <pc:spChg chg="add">
          <ac:chgData name="Vagnarelli, Alessio" userId="7630aed0-756e-42de-813a-0c9638cc0479" providerId="ADAL" clId="{586ADE1C-C4EE-44AD-8214-1D8CF33CAA1C}" dt="2025-09-11T13:49:09.543" v="1105"/>
          <ac:spMkLst>
            <pc:docMk/>
            <pc:sldMk cId="2445328380" sldId="974"/>
            <ac:spMk id="10" creationId="{B3CBD019-32AE-4B84-6455-29EC67BB6D0F}"/>
          </ac:spMkLst>
        </pc:spChg>
        <pc:spChg chg="add del mod">
          <ac:chgData name="Vagnarelli, Alessio" userId="7630aed0-756e-42de-813a-0c9638cc0479" providerId="ADAL" clId="{586ADE1C-C4EE-44AD-8214-1D8CF33CAA1C}" dt="2025-09-11T13:49:34.600" v="1108" actId="21"/>
          <ac:spMkLst>
            <pc:docMk/>
            <pc:sldMk cId="2445328380" sldId="974"/>
            <ac:spMk id="11" creationId="{C7DEEA86-0512-9E27-6EB7-73CA3D3D8EB8}"/>
          </ac:spMkLst>
        </pc:spChg>
        <pc:spChg chg="add">
          <ac:chgData name="Vagnarelli, Alessio" userId="7630aed0-756e-42de-813a-0c9638cc0479" providerId="ADAL" clId="{586ADE1C-C4EE-44AD-8214-1D8CF33CAA1C}" dt="2025-09-11T13:49:20.645" v="1107"/>
          <ac:spMkLst>
            <pc:docMk/>
            <pc:sldMk cId="2445328380" sldId="974"/>
            <ac:spMk id="12" creationId="{175E4354-77A1-841E-C261-600AAD3D3E22}"/>
          </ac:spMkLst>
        </pc:spChg>
        <pc:spChg chg="add mod">
          <ac:chgData name="Vagnarelli, Alessio" userId="7630aed0-756e-42de-813a-0c9638cc0479" providerId="ADAL" clId="{586ADE1C-C4EE-44AD-8214-1D8CF33CAA1C}" dt="2025-09-12T09:43:29.356" v="1951" actId="14100"/>
          <ac:spMkLst>
            <pc:docMk/>
            <pc:sldMk cId="2445328380" sldId="974"/>
            <ac:spMk id="13" creationId="{3ABE9599-D3BF-4F8F-B38D-0EFD9A050F60}"/>
          </ac:spMkLst>
        </pc:spChg>
      </pc:sldChg>
      <pc:sldChg chg="addSp delSp modSp add mod">
        <pc:chgData name="Vagnarelli, Alessio" userId="7630aed0-756e-42de-813a-0c9638cc0479" providerId="ADAL" clId="{586ADE1C-C4EE-44AD-8214-1D8CF33CAA1C}" dt="2025-09-12T09:44:08.189" v="1958" actId="123"/>
        <pc:sldMkLst>
          <pc:docMk/>
          <pc:sldMk cId="1409504690" sldId="975"/>
        </pc:sldMkLst>
        <pc:spChg chg="add mod">
          <ac:chgData name="Vagnarelli, Alessio" userId="7630aed0-756e-42de-813a-0c9638cc0479" providerId="ADAL" clId="{586ADE1C-C4EE-44AD-8214-1D8CF33CAA1C}" dt="2025-09-11T14:13:42.182" v="1441" actId="1076"/>
          <ac:spMkLst>
            <pc:docMk/>
            <pc:sldMk cId="1409504690" sldId="975"/>
            <ac:spMk id="2" creationId="{492229E7-E802-7BEE-0472-97472E569FA2}"/>
          </ac:spMkLst>
        </pc:spChg>
        <pc:spChg chg="del mod">
          <ac:chgData name="Vagnarelli, Alessio" userId="7630aed0-756e-42de-813a-0c9638cc0479" providerId="ADAL" clId="{586ADE1C-C4EE-44AD-8214-1D8CF33CAA1C}" dt="2025-09-11T14:13:39.030" v="1440" actId="21"/>
          <ac:spMkLst>
            <pc:docMk/>
            <pc:sldMk cId="1409504690" sldId="975"/>
            <ac:spMk id="4" creationId="{E564377F-E278-6AA6-C57F-0E23E38648F7}"/>
          </ac:spMkLst>
        </pc:spChg>
        <pc:spChg chg="mod">
          <ac:chgData name="Vagnarelli, Alessio" userId="7630aed0-756e-42de-813a-0c9638cc0479" providerId="ADAL" clId="{586ADE1C-C4EE-44AD-8214-1D8CF33CAA1C}" dt="2025-09-12T09:44:08.189" v="1958" actId="123"/>
          <ac:spMkLst>
            <pc:docMk/>
            <pc:sldMk cId="1409504690" sldId="975"/>
            <ac:spMk id="13" creationId="{3ABE9599-D3BF-4F8F-B38D-0EFD9A050F60}"/>
          </ac:spMkLst>
        </pc:spChg>
      </pc:sldChg>
      <pc:sldChg chg="addSp delSp modSp add del mod">
        <pc:chgData name="Vagnarelli, Alessio" userId="7630aed0-756e-42de-813a-0c9638cc0479" providerId="ADAL" clId="{586ADE1C-C4EE-44AD-8214-1D8CF33CAA1C}" dt="2025-09-11T14:17:01.288" v="1493" actId="47"/>
        <pc:sldMkLst>
          <pc:docMk/>
          <pc:sldMk cId="3110256485" sldId="976"/>
        </pc:sldMkLst>
        <pc:spChg chg="add mod">
          <ac:chgData name="Vagnarelli, Alessio" userId="7630aed0-756e-42de-813a-0c9638cc0479" providerId="ADAL" clId="{586ADE1C-C4EE-44AD-8214-1D8CF33CAA1C}" dt="2025-09-11T14:14:18.200" v="1447"/>
          <ac:spMkLst>
            <pc:docMk/>
            <pc:sldMk cId="3110256485" sldId="976"/>
            <ac:spMk id="2" creationId="{E564377F-E278-6AA6-C57F-0E23E38648F7}"/>
          </ac:spMkLst>
        </pc:spChg>
        <pc:spChg chg="add mod">
          <ac:chgData name="Vagnarelli, Alessio" userId="7630aed0-756e-42de-813a-0c9638cc0479" providerId="ADAL" clId="{586ADE1C-C4EE-44AD-8214-1D8CF33CAA1C}" dt="2025-09-11T14:14:37.028" v="1451" actId="1076"/>
          <ac:spMkLst>
            <pc:docMk/>
            <pc:sldMk cId="3110256485" sldId="976"/>
            <ac:spMk id="3" creationId="{C981B377-3739-249D-7A14-7DCCB884C704}"/>
          </ac:spMkLst>
        </pc:spChg>
        <pc:spChg chg="del mod">
          <ac:chgData name="Vagnarelli, Alessio" userId="7630aed0-756e-42de-813a-0c9638cc0479" providerId="ADAL" clId="{586ADE1C-C4EE-44AD-8214-1D8CF33CAA1C}" dt="2025-09-11T14:14:33.509" v="1450" actId="21"/>
          <ac:spMkLst>
            <pc:docMk/>
            <pc:sldMk cId="3110256485" sldId="976"/>
            <ac:spMk id="4" creationId="{E564377F-E278-6AA6-C57F-0E23E38648F7}"/>
          </ac:spMkLst>
        </pc:spChg>
        <pc:spChg chg="mod">
          <ac:chgData name="Vagnarelli, Alessio" userId="7630aed0-756e-42de-813a-0c9638cc0479" providerId="ADAL" clId="{586ADE1C-C4EE-44AD-8214-1D8CF33CAA1C}" dt="2025-09-11T14:08:34.949" v="1258" actId="20577"/>
          <ac:spMkLst>
            <pc:docMk/>
            <pc:sldMk cId="3110256485" sldId="976"/>
            <ac:spMk id="13" creationId="{3ABE9599-D3BF-4F8F-B38D-0EFD9A050F60}"/>
          </ac:spMkLst>
        </pc:spChg>
      </pc:sldChg>
      <pc:sldChg chg="addSp delSp modSp add mod">
        <pc:chgData name="Vagnarelli, Alessio" userId="7630aed0-756e-42de-813a-0c9638cc0479" providerId="ADAL" clId="{586ADE1C-C4EE-44AD-8214-1D8CF33CAA1C}" dt="2025-09-12T09:44:19.007" v="1961" actId="1076"/>
        <pc:sldMkLst>
          <pc:docMk/>
          <pc:sldMk cId="3726540915" sldId="977"/>
        </pc:sldMkLst>
        <pc:spChg chg="add mod">
          <ac:chgData name="Vagnarelli, Alessio" userId="7630aed0-756e-42de-813a-0c9638cc0479" providerId="ADAL" clId="{586ADE1C-C4EE-44AD-8214-1D8CF33CAA1C}" dt="2025-09-11T14:14:09.676" v="1446" actId="1076"/>
          <ac:spMkLst>
            <pc:docMk/>
            <pc:sldMk cId="3726540915" sldId="977"/>
            <ac:spMk id="2" creationId="{9D399F22-BE9A-675A-9B4E-95B31F94D756}"/>
          </ac:spMkLst>
        </pc:spChg>
        <pc:spChg chg="del mod">
          <ac:chgData name="Vagnarelli, Alessio" userId="7630aed0-756e-42de-813a-0c9638cc0479" providerId="ADAL" clId="{586ADE1C-C4EE-44AD-8214-1D8CF33CAA1C}" dt="2025-09-11T14:14:06.471" v="1445" actId="21"/>
          <ac:spMkLst>
            <pc:docMk/>
            <pc:sldMk cId="3726540915" sldId="977"/>
            <ac:spMk id="4" creationId="{E564377F-E278-6AA6-C57F-0E23E38648F7}"/>
          </ac:spMkLst>
        </pc:spChg>
        <pc:spChg chg="mod">
          <ac:chgData name="Vagnarelli, Alessio" userId="7630aed0-756e-42de-813a-0c9638cc0479" providerId="ADAL" clId="{586ADE1C-C4EE-44AD-8214-1D8CF33CAA1C}" dt="2025-09-12T09:44:19.007" v="1961" actId="1076"/>
          <ac:spMkLst>
            <pc:docMk/>
            <pc:sldMk cId="3726540915" sldId="977"/>
            <ac:spMk id="13" creationId="{3ABE9599-D3BF-4F8F-B38D-0EFD9A050F60}"/>
          </ac:spMkLst>
        </pc:spChg>
      </pc:sldChg>
      <pc:sldChg chg="addSp modSp add del mod ord">
        <pc:chgData name="Vagnarelli, Alessio" userId="7630aed0-756e-42de-813a-0c9638cc0479" providerId="ADAL" clId="{586ADE1C-C4EE-44AD-8214-1D8CF33CAA1C}" dt="2025-09-22T11:07:51.010" v="2296" actId="47"/>
        <pc:sldMkLst>
          <pc:docMk/>
          <pc:sldMk cId="31772484" sldId="978"/>
        </pc:sldMkLst>
        <pc:spChg chg="mod">
          <ac:chgData name="Vagnarelli, Alessio" userId="7630aed0-756e-42de-813a-0c9638cc0479" providerId="ADAL" clId="{586ADE1C-C4EE-44AD-8214-1D8CF33CAA1C}" dt="2025-09-12T09:49:10.717" v="2016" actId="20577"/>
          <ac:spMkLst>
            <pc:docMk/>
            <pc:sldMk cId="31772484" sldId="978"/>
            <ac:spMk id="3" creationId="{719670C5-0317-D1A9-857A-20FE59E4ED2B}"/>
          </ac:spMkLst>
        </pc:spChg>
        <pc:spChg chg="add mod">
          <ac:chgData name="Vagnarelli, Alessio" userId="7630aed0-756e-42de-813a-0c9638cc0479" providerId="ADAL" clId="{586ADE1C-C4EE-44AD-8214-1D8CF33CAA1C}" dt="2025-09-12T09:48:47.844" v="1999" actId="20577"/>
          <ac:spMkLst>
            <pc:docMk/>
            <pc:sldMk cId="31772484" sldId="978"/>
            <ac:spMk id="4" creationId="{22F7767A-3E78-11CF-0C54-897659BF797A}"/>
          </ac:spMkLst>
        </pc:spChg>
      </pc:sldChg>
      <pc:sldChg chg="addSp delSp modSp add del mod">
        <pc:chgData name="Vagnarelli, Alessio" userId="7630aed0-756e-42de-813a-0c9638cc0479" providerId="ADAL" clId="{586ADE1C-C4EE-44AD-8214-1D8CF33CAA1C}" dt="2025-09-11T14:17:02.513" v="1494" actId="47"/>
        <pc:sldMkLst>
          <pc:docMk/>
          <pc:sldMk cId="864899045" sldId="978"/>
        </pc:sldMkLst>
        <pc:spChg chg="add mod">
          <ac:chgData name="Vagnarelli, Alessio" userId="7630aed0-756e-42de-813a-0c9638cc0479" providerId="ADAL" clId="{586ADE1C-C4EE-44AD-8214-1D8CF33CAA1C}" dt="2025-09-11T14:14:52.021" v="1455" actId="1076"/>
          <ac:spMkLst>
            <pc:docMk/>
            <pc:sldMk cId="864899045" sldId="978"/>
            <ac:spMk id="2" creationId="{B1225DC9-BE6D-6566-3019-5F75FF94DE2C}"/>
          </ac:spMkLst>
        </pc:spChg>
        <pc:spChg chg="del mod">
          <ac:chgData name="Vagnarelli, Alessio" userId="7630aed0-756e-42de-813a-0c9638cc0479" providerId="ADAL" clId="{586ADE1C-C4EE-44AD-8214-1D8CF33CAA1C}" dt="2025-09-11T14:14:50.027" v="1454" actId="21"/>
          <ac:spMkLst>
            <pc:docMk/>
            <pc:sldMk cId="864899045" sldId="978"/>
            <ac:spMk id="4" creationId="{E564377F-E278-6AA6-C57F-0E23E38648F7}"/>
          </ac:spMkLst>
        </pc:spChg>
        <pc:spChg chg="mod">
          <ac:chgData name="Vagnarelli, Alessio" userId="7630aed0-756e-42de-813a-0c9638cc0479" providerId="ADAL" clId="{586ADE1C-C4EE-44AD-8214-1D8CF33CAA1C}" dt="2025-09-11T14:14:56.836" v="1464" actId="20577"/>
          <ac:spMkLst>
            <pc:docMk/>
            <pc:sldMk cId="864899045" sldId="978"/>
            <ac:spMk id="13" creationId="{3ABE9599-D3BF-4F8F-B38D-0EFD9A050F60}"/>
          </ac:spMkLst>
        </pc:spChg>
      </pc:sldChg>
      <pc:sldChg chg="addSp delSp modSp add del mod">
        <pc:chgData name="Vagnarelli, Alessio" userId="7630aed0-756e-42de-813a-0c9638cc0479" providerId="ADAL" clId="{586ADE1C-C4EE-44AD-8214-1D8CF33CAA1C}" dt="2025-09-11T14:17:03.313" v="1495" actId="47"/>
        <pc:sldMkLst>
          <pc:docMk/>
          <pc:sldMk cId="1983025338" sldId="979"/>
        </pc:sldMkLst>
        <pc:spChg chg="add mod">
          <ac:chgData name="Vagnarelli, Alessio" userId="7630aed0-756e-42de-813a-0c9638cc0479" providerId="ADAL" clId="{586ADE1C-C4EE-44AD-8214-1D8CF33CAA1C}" dt="2025-09-11T14:15:16.262" v="1468" actId="1076"/>
          <ac:spMkLst>
            <pc:docMk/>
            <pc:sldMk cId="1983025338" sldId="979"/>
            <ac:spMk id="2" creationId="{E4780641-DF9F-A13A-F120-0A68CFA275B7}"/>
          </ac:spMkLst>
        </pc:spChg>
        <pc:spChg chg="del mod">
          <ac:chgData name="Vagnarelli, Alessio" userId="7630aed0-756e-42de-813a-0c9638cc0479" providerId="ADAL" clId="{586ADE1C-C4EE-44AD-8214-1D8CF33CAA1C}" dt="2025-09-11T14:15:11.691" v="1467" actId="21"/>
          <ac:spMkLst>
            <pc:docMk/>
            <pc:sldMk cId="1983025338" sldId="979"/>
            <ac:spMk id="4" creationId="{E564377F-E278-6AA6-C57F-0E23E38648F7}"/>
          </ac:spMkLst>
        </pc:spChg>
        <pc:spChg chg="mod">
          <ac:chgData name="Vagnarelli, Alessio" userId="7630aed0-756e-42de-813a-0c9638cc0479" providerId="ADAL" clId="{586ADE1C-C4EE-44AD-8214-1D8CF33CAA1C}" dt="2025-09-11T14:08:14.341" v="1254" actId="14100"/>
          <ac:spMkLst>
            <pc:docMk/>
            <pc:sldMk cId="1983025338" sldId="979"/>
            <ac:spMk id="13" creationId="{3ABE9599-D3BF-4F8F-B38D-0EFD9A050F60}"/>
          </ac:spMkLst>
        </pc:spChg>
      </pc:sldChg>
      <pc:sldChg chg="modSp add mod modAnim">
        <pc:chgData name="Vagnarelli, Alessio" userId="7630aed0-756e-42de-813a-0c9638cc0479" providerId="ADAL" clId="{586ADE1C-C4EE-44AD-8214-1D8CF33CAA1C}" dt="2025-09-22T11:29:18.098" v="2542" actId="20577"/>
        <pc:sldMkLst>
          <pc:docMk/>
          <pc:sldMk cId="4135524897" sldId="979"/>
        </pc:sldMkLst>
        <pc:spChg chg="mod">
          <ac:chgData name="Vagnarelli, Alessio" userId="7630aed0-756e-42de-813a-0c9638cc0479" providerId="ADAL" clId="{586ADE1C-C4EE-44AD-8214-1D8CF33CAA1C}" dt="2025-09-22T11:29:18.098" v="2542" actId="20577"/>
          <ac:spMkLst>
            <pc:docMk/>
            <pc:sldMk cId="4135524897" sldId="979"/>
            <ac:spMk id="6" creationId="{31C4B402-8060-047D-D3C4-AA9E14EBA153}"/>
          </ac:spMkLst>
        </pc:spChg>
      </pc:sldChg>
      <pc:sldChg chg="modSp add del modAnim">
        <pc:chgData name="Vagnarelli, Alessio" userId="7630aed0-756e-42de-813a-0c9638cc0479" providerId="ADAL" clId="{586ADE1C-C4EE-44AD-8214-1D8CF33CAA1C}" dt="2025-09-22T11:17:33.449" v="2469" actId="47"/>
        <pc:sldMkLst>
          <pc:docMk/>
          <pc:sldMk cId="3089421655" sldId="980"/>
        </pc:sldMkLst>
        <pc:spChg chg="mod">
          <ac:chgData name="Vagnarelli, Alessio" userId="7630aed0-756e-42de-813a-0c9638cc0479" providerId="ADAL" clId="{586ADE1C-C4EE-44AD-8214-1D8CF33CAA1C}" dt="2025-09-22T11:16:41.484" v="2461" actId="6549"/>
          <ac:spMkLst>
            <pc:docMk/>
            <pc:sldMk cId="3089421655" sldId="980"/>
            <ac:spMk id="6" creationId="{31C4B402-8060-047D-D3C4-AA9E14EBA153}"/>
          </ac:spMkLst>
        </pc:spChg>
      </pc:sldChg>
      <pc:sldChg chg="modSp add del">
        <pc:chgData name="Vagnarelli, Alessio" userId="7630aed0-756e-42de-813a-0c9638cc0479" providerId="ADAL" clId="{586ADE1C-C4EE-44AD-8214-1D8CF33CAA1C}" dt="2025-09-22T11:17:42.823" v="2470" actId="47"/>
        <pc:sldMkLst>
          <pc:docMk/>
          <pc:sldMk cId="579680317" sldId="981"/>
        </pc:sldMkLst>
        <pc:spChg chg="mod">
          <ac:chgData name="Vagnarelli, Alessio" userId="7630aed0-756e-42de-813a-0c9638cc0479" providerId="ADAL" clId="{586ADE1C-C4EE-44AD-8214-1D8CF33CAA1C}" dt="2025-09-12T10:39:08.939" v="2211"/>
          <ac:spMkLst>
            <pc:docMk/>
            <pc:sldMk cId="579680317" sldId="981"/>
            <ac:spMk id="6" creationId="{31C4B402-8060-047D-D3C4-AA9E14EBA153}"/>
          </ac:spMkLst>
        </pc:spChg>
      </pc:sldChg>
      <pc:sldChg chg="modSp add del ord">
        <pc:chgData name="Vagnarelli, Alessio" userId="7630aed0-756e-42de-813a-0c9638cc0479" providerId="ADAL" clId="{586ADE1C-C4EE-44AD-8214-1D8CF33CAA1C}" dt="2025-09-22T11:27:22.611" v="2516" actId="47"/>
        <pc:sldMkLst>
          <pc:docMk/>
          <pc:sldMk cId="2845557586" sldId="982"/>
        </pc:sldMkLst>
        <pc:spChg chg="mod">
          <ac:chgData name="Vagnarelli, Alessio" userId="7630aed0-756e-42de-813a-0c9638cc0479" providerId="ADAL" clId="{586ADE1C-C4EE-44AD-8214-1D8CF33CAA1C}" dt="2025-09-22T11:17:24.606" v="2468" actId="6549"/>
          <ac:spMkLst>
            <pc:docMk/>
            <pc:sldMk cId="2845557586" sldId="982"/>
            <ac:spMk id="6" creationId="{31C4B402-8060-047D-D3C4-AA9E14EBA153}"/>
          </ac:spMkLst>
        </pc:spChg>
      </pc:sldChg>
      <pc:sldChg chg="addSp delSp modSp add mod ord delAnim modAnim">
        <pc:chgData name="Vagnarelli, Alessio" userId="7630aed0-756e-42de-813a-0c9638cc0479" providerId="ADAL" clId="{586ADE1C-C4EE-44AD-8214-1D8CF33CAA1C}" dt="2025-09-22T11:29:34.353" v="2543" actId="1076"/>
        <pc:sldMkLst>
          <pc:docMk/>
          <pc:sldMk cId="587295447" sldId="983"/>
        </pc:sldMkLst>
        <pc:spChg chg="mod">
          <ac:chgData name="Vagnarelli, Alessio" userId="7630aed0-756e-42de-813a-0c9638cc0479" providerId="ADAL" clId="{586ADE1C-C4EE-44AD-8214-1D8CF33CAA1C}" dt="2025-09-22T11:27:48.489" v="2523" actId="1076"/>
          <ac:spMkLst>
            <pc:docMk/>
            <pc:sldMk cId="587295447" sldId="983"/>
            <ac:spMk id="3" creationId="{533E9EA9-5C2C-3D70-14F9-65F716D50684}"/>
          </ac:spMkLst>
        </pc:spChg>
        <pc:spChg chg="add mod">
          <ac:chgData name="Vagnarelli, Alessio" userId="7630aed0-756e-42de-813a-0c9638cc0479" providerId="ADAL" clId="{586ADE1C-C4EE-44AD-8214-1D8CF33CAA1C}" dt="2025-09-22T11:29:34.353" v="2543" actId="1076"/>
          <ac:spMkLst>
            <pc:docMk/>
            <pc:sldMk cId="587295447" sldId="983"/>
            <ac:spMk id="4" creationId="{BA4BEF1B-144D-4D70-16F6-E2E5BB4D9112}"/>
          </ac:spMkLst>
        </pc:spChg>
        <pc:spChg chg="del">
          <ac:chgData name="Vagnarelli, Alessio" userId="7630aed0-756e-42de-813a-0c9638cc0479" providerId="ADAL" clId="{586ADE1C-C4EE-44AD-8214-1D8CF33CAA1C}" dt="2025-09-22T11:20:27.347" v="2487" actId="21"/>
          <ac:spMkLst>
            <pc:docMk/>
            <pc:sldMk cId="587295447" sldId="983"/>
            <ac:spMk id="6" creationId="{31C4B402-8060-047D-D3C4-AA9E14EBA153}"/>
          </ac:spMkLst>
        </pc:spChg>
        <pc:spChg chg="add del mod">
          <ac:chgData name="Vagnarelli, Alessio" userId="7630aed0-756e-42de-813a-0c9638cc0479" providerId="ADAL" clId="{586ADE1C-C4EE-44AD-8214-1D8CF33CAA1C}" dt="2025-09-22T11:22:03.411" v="2496" actId="21"/>
          <ac:spMkLst>
            <pc:docMk/>
            <pc:sldMk cId="587295447" sldId="983"/>
            <ac:spMk id="7" creationId="{ECB175C0-642E-D836-A938-161A5A604014}"/>
          </ac:spMkLst>
        </pc:spChg>
        <pc:spChg chg="add del mod">
          <ac:chgData name="Vagnarelli, Alessio" userId="7630aed0-756e-42de-813a-0c9638cc0479" providerId="ADAL" clId="{586ADE1C-C4EE-44AD-8214-1D8CF33CAA1C}" dt="2025-09-22T11:27:29.961" v="2518" actId="21"/>
          <ac:spMkLst>
            <pc:docMk/>
            <pc:sldMk cId="587295447" sldId="983"/>
            <ac:spMk id="8" creationId="{9CF97E9D-BD58-6C2F-E33F-2687E8DA0711}"/>
          </ac:spMkLst>
        </pc:spChg>
      </pc:sldChg>
      <pc:sldChg chg="delSp modSp add mod">
        <pc:chgData name="Vagnarelli, Alessio" userId="7630aed0-756e-42de-813a-0c9638cc0479" providerId="ADAL" clId="{586ADE1C-C4EE-44AD-8214-1D8CF33CAA1C}" dt="2025-09-22T11:27:42.009" v="2521" actId="1076"/>
        <pc:sldMkLst>
          <pc:docMk/>
          <pc:sldMk cId="3282425431" sldId="984"/>
        </pc:sldMkLst>
        <pc:spChg chg="del">
          <ac:chgData name="Vagnarelli, Alessio" userId="7630aed0-756e-42de-813a-0c9638cc0479" providerId="ADAL" clId="{586ADE1C-C4EE-44AD-8214-1D8CF33CAA1C}" dt="2025-09-22T11:27:34.335" v="2519" actId="21"/>
          <ac:spMkLst>
            <pc:docMk/>
            <pc:sldMk cId="3282425431" sldId="984"/>
            <ac:spMk id="3" creationId="{533E9EA9-5C2C-3D70-14F9-65F716D50684}"/>
          </ac:spMkLst>
        </pc:spChg>
        <pc:spChg chg="del">
          <ac:chgData name="Vagnarelli, Alessio" userId="7630aed0-756e-42de-813a-0c9638cc0479" providerId="ADAL" clId="{586ADE1C-C4EE-44AD-8214-1D8CF33CAA1C}" dt="2025-09-22T11:27:36.793" v="2520" actId="21"/>
          <ac:spMkLst>
            <pc:docMk/>
            <pc:sldMk cId="3282425431" sldId="984"/>
            <ac:spMk id="4" creationId="{BA4BEF1B-144D-4D70-16F6-E2E5BB4D9112}"/>
          </ac:spMkLst>
        </pc:spChg>
        <pc:spChg chg="mod">
          <ac:chgData name="Vagnarelli, Alessio" userId="7630aed0-756e-42de-813a-0c9638cc0479" providerId="ADAL" clId="{586ADE1C-C4EE-44AD-8214-1D8CF33CAA1C}" dt="2025-09-22T11:27:42.009" v="2521" actId="1076"/>
          <ac:spMkLst>
            <pc:docMk/>
            <pc:sldMk cId="3282425431" sldId="984"/>
            <ac:spMk id="8" creationId="{9CF97E9D-BD58-6C2F-E33F-2687E8DA0711}"/>
          </ac:spMkLst>
        </pc:sp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236B186-E47E-46FA-9C8A-21ED1389C872}" type="datetimeFigureOut">
              <a:rPr lang="en-US" smtClean="0"/>
              <a:t>11/11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A312B04-C2E7-41C0-9E29-98FE93F75DF5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568897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470943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0F4A2C8-6C88-4E71-83EE-698B9D4FE22F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492060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0F4A2C8-6C88-4E71-83EE-698B9D4FE22F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3039571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26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0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1" name="Isosceles Triangle 30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Isosceles Triangle 18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07067" y="2404534"/>
            <a:ext cx="7766936" cy="1646302"/>
          </a:xfrm>
        </p:spPr>
        <p:txBody>
          <a:bodyPr anchor="b">
            <a:noAutofit/>
          </a:bodyPr>
          <a:lstStyle>
            <a:lvl1pPr algn="r"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07067" y="4050833"/>
            <a:ext cx="7766936" cy="1096899"/>
          </a:xfrm>
        </p:spPr>
        <p:txBody>
          <a:bodyPr anchor="t"/>
          <a:lstStyle>
            <a:lvl1pPr marL="0" indent="0" algn="r">
              <a:buNone/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9715450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609600"/>
            <a:ext cx="8596668" cy="3403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352078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366139" y="3632200"/>
            <a:ext cx="7224524" cy="381000"/>
          </a:xfrm>
        </p:spPr>
        <p:txBody>
          <a:bodyPr anchor="ctr">
            <a:noAutofit/>
          </a:bodyPr>
          <a:lstStyle>
            <a:lvl1pPr marL="0" indent="0">
              <a:buFontTx/>
              <a:buNone/>
              <a:defRPr sz="16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TextBox 19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latin typeface="Arial"/>
              </a:rPr>
              <a:t>”</a:t>
            </a:r>
            <a:endParaRPr lang="en-US" dirty="0">
              <a:solidFill>
                <a:schemeClr val="accent1">
                  <a:lumMod val="60000"/>
                  <a:lumOff val="40000"/>
                </a:schemeClr>
              </a:solidFill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18718223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1931988"/>
            <a:ext cx="8596668" cy="2595460"/>
          </a:xfrm>
        </p:spPr>
        <p:txBody>
          <a:bodyPr anchor="b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8177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TextBox 23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143711310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85799" y="609600"/>
            <a:ext cx="8588203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accent1"/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164959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5C6B4A9-1611-4792-9094-5F34BCA07E0B}" type="datetimeFigureOut">
              <a:rPr lang="en-US" smtClean="0"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9333C77-0158-454C-844F-B7AB9BD7DAD4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942819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7967673" y="609599"/>
            <a:ext cx="1304743" cy="5251451"/>
          </a:xfrm>
        </p:spPr>
        <p:txBody>
          <a:bodyPr vert="eaVert" anchor="ctr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77335" y="609600"/>
            <a:ext cx="7060150" cy="525145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3063584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itle Slide -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21">
            <a:extLst>
              <a:ext uri="{FF2B5EF4-FFF2-40B4-BE49-F238E27FC236}">
                <a16:creationId xmlns:a16="http://schemas.microsoft.com/office/drawing/2014/main" id="{FBB3512A-69D6-2345-931E-CD2AE04BDA10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9900" y="254913"/>
            <a:ext cx="2849372" cy="8617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9pPr>
          </a:lstStyle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Studio Tributario </a:t>
            </a:r>
          </a:p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 Societario</a:t>
            </a:r>
          </a:p>
        </p:txBody>
      </p:sp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57201" y="5186209"/>
            <a:ext cx="4490721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7201" y="6365848"/>
            <a:ext cx="4490721" cy="273050"/>
          </a:xfrm>
          <a:prstGeom prst="rect">
            <a:avLst/>
          </a:prstGeom>
        </p:spPr>
        <p:txBody>
          <a:bodyPr anchor="t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19272" y="688848"/>
            <a:ext cx="5562600" cy="5556504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519D0A60-9BD4-C84B-824F-5E6068953F51}"/>
              </a:ext>
            </a:extLst>
          </p:cNvPr>
          <p:cNvGrpSpPr/>
          <p:nvPr userDrawn="1"/>
        </p:nvGrpSpPr>
        <p:grpSpPr>
          <a:xfrm>
            <a:off x="10519323" y="6282213"/>
            <a:ext cx="1211518" cy="23032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8" name="Oval 5">
              <a:extLst>
                <a:ext uri="{FF2B5EF4-FFF2-40B4-BE49-F238E27FC236}">
                  <a16:creationId xmlns:a16="http://schemas.microsoft.com/office/drawing/2014/main" id="{9DB3DCD2-131D-A94F-8D2C-511F2F286FA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9" name="Freeform 6">
              <a:extLst>
                <a:ext uri="{FF2B5EF4-FFF2-40B4-BE49-F238E27FC236}">
                  <a16:creationId xmlns:a16="http://schemas.microsoft.com/office/drawing/2014/main" id="{FB0D2A56-3D47-DD45-A36C-4E45A1E36F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0" name="Rectangle 7">
              <a:extLst>
                <a:ext uri="{FF2B5EF4-FFF2-40B4-BE49-F238E27FC236}">
                  <a16:creationId xmlns:a16="http://schemas.microsoft.com/office/drawing/2014/main" id="{61DCE910-7E26-F34D-BD35-F38E5E381779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1" name="Freeform 8">
              <a:extLst>
                <a:ext uri="{FF2B5EF4-FFF2-40B4-BE49-F238E27FC236}">
                  <a16:creationId xmlns:a16="http://schemas.microsoft.com/office/drawing/2014/main" id="{8DA9EF90-BA23-8641-98F4-FFECF80437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2" name="Rectangle 9">
              <a:extLst>
                <a:ext uri="{FF2B5EF4-FFF2-40B4-BE49-F238E27FC236}">
                  <a16:creationId xmlns:a16="http://schemas.microsoft.com/office/drawing/2014/main" id="{DB8D0237-34BA-554C-8EAB-F259E308144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3" name="Rectangle 10">
              <a:extLst>
                <a:ext uri="{FF2B5EF4-FFF2-40B4-BE49-F238E27FC236}">
                  <a16:creationId xmlns:a16="http://schemas.microsoft.com/office/drawing/2014/main" id="{005A7047-1BBE-7240-9DD1-AA3BA2DF487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4" name="Freeform 11">
              <a:extLst>
                <a:ext uri="{FF2B5EF4-FFF2-40B4-BE49-F238E27FC236}">
                  <a16:creationId xmlns:a16="http://schemas.microsoft.com/office/drawing/2014/main" id="{3C3708E1-7C8E-4640-93EF-55902CD556FB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5" name="Freeform 12">
              <a:extLst>
                <a:ext uri="{FF2B5EF4-FFF2-40B4-BE49-F238E27FC236}">
                  <a16:creationId xmlns:a16="http://schemas.microsoft.com/office/drawing/2014/main" id="{E13696D7-C9A6-F24F-9440-CCD62DBC976D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7" name="Freeform 13">
              <a:extLst>
                <a:ext uri="{FF2B5EF4-FFF2-40B4-BE49-F238E27FC236}">
                  <a16:creationId xmlns:a16="http://schemas.microsoft.com/office/drawing/2014/main" id="{FE5B29FB-CCB5-9744-BADD-39376E4D17E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8" name="Freeform 14">
              <a:extLst>
                <a:ext uri="{FF2B5EF4-FFF2-40B4-BE49-F238E27FC236}">
                  <a16:creationId xmlns:a16="http://schemas.microsoft.com/office/drawing/2014/main" id="{2EE128A7-BCDD-1746-8FF8-7ED63EACC9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47695977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Title Slide -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8">
            <a:extLst>
              <a:ext uri="{FF2B5EF4-FFF2-40B4-BE49-F238E27FC236}">
                <a16:creationId xmlns:a16="http://schemas.microsoft.com/office/drawing/2014/main" id="{DEF77F0F-DE6A-48C9-92BD-013174DD643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93716" y="727595"/>
            <a:ext cx="5400000" cy="540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grpSp>
        <p:nvGrpSpPr>
          <p:cNvPr id="18" name="Group 17">
            <a:extLst>
              <a:ext uri="{FF2B5EF4-FFF2-40B4-BE49-F238E27FC236}">
                <a16:creationId xmlns:a16="http://schemas.microsoft.com/office/drawing/2014/main" id="{2A695DEC-E9CB-4EE6-B6A0-35EA322D267E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69900" y="457761"/>
            <a:ext cx="1998000" cy="37440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30" name="Oval 5">
              <a:extLst>
                <a:ext uri="{FF2B5EF4-FFF2-40B4-BE49-F238E27FC236}">
                  <a16:creationId xmlns:a16="http://schemas.microsoft.com/office/drawing/2014/main" id="{156892DF-711C-4336-AEBF-762E1CB7CCD8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rgbClr val="86BC25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1" name="Freeform 6">
              <a:extLst>
                <a:ext uri="{FF2B5EF4-FFF2-40B4-BE49-F238E27FC236}">
                  <a16:creationId xmlns:a16="http://schemas.microsoft.com/office/drawing/2014/main" id="{654BE607-CC12-452A-95BB-8AEB794BBEF6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2" name="Rectangle 7">
              <a:extLst>
                <a:ext uri="{FF2B5EF4-FFF2-40B4-BE49-F238E27FC236}">
                  <a16:creationId xmlns:a16="http://schemas.microsoft.com/office/drawing/2014/main" id="{AE06DD36-C381-4B3C-86D3-4123CCCA48EE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3" name="Freeform 8">
              <a:extLst>
                <a:ext uri="{FF2B5EF4-FFF2-40B4-BE49-F238E27FC236}">
                  <a16:creationId xmlns:a16="http://schemas.microsoft.com/office/drawing/2014/main" id="{20BC03DC-7852-47B1-9820-005DEBD76BF8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4" name="Rectangle 9">
              <a:extLst>
                <a:ext uri="{FF2B5EF4-FFF2-40B4-BE49-F238E27FC236}">
                  <a16:creationId xmlns:a16="http://schemas.microsoft.com/office/drawing/2014/main" id="{07652C2F-A141-4AB0-9E2F-202CA0F5FB93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5" name="Rectangle 10">
              <a:extLst>
                <a:ext uri="{FF2B5EF4-FFF2-40B4-BE49-F238E27FC236}">
                  <a16:creationId xmlns:a16="http://schemas.microsoft.com/office/drawing/2014/main" id="{5648F6A9-F4A7-4EA4-BEB8-6F1BB21E0FBB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6" name="Freeform 11">
              <a:extLst>
                <a:ext uri="{FF2B5EF4-FFF2-40B4-BE49-F238E27FC236}">
                  <a16:creationId xmlns:a16="http://schemas.microsoft.com/office/drawing/2014/main" id="{1217BB3C-3B45-4FD5-A1F2-2A4B137E814A}"/>
                </a:ext>
              </a:extLst>
            </p:cNvPr>
            <p:cNvSpPr>
              <a:spLocks/>
            </p:cNvSpPr>
            <p:nvPr userDrawn="1"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7" name="Freeform 12">
              <a:extLst>
                <a:ext uri="{FF2B5EF4-FFF2-40B4-BE49-F238E27FC236}">
                  <a16:creationId xmlns:a16="http://schemas.microsoft.com/office/drawing/2014/main" id="{2285CDEF-D8F9-4088-8EFE-11B02C6E1F4C}"/>
                </a:ext>
              </a:extLst>
            </p:cNvPr>
            <p:cNvSpPr>
              <a:spLocks/>
            </p:cNvSpPr>
            <p:nvPr userDrawn="1"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8" name="Freeform 13">
              <a:extLst>
                <a:ext uri="{FF2B5EF4-FFF2-40B4-BE49-F238E27FC236}">
                  <a16:creationId xmlns:a16="http://schemas.microsoft.com/office/drawing/2014/main" id="{8B4FB454-2D1E-4839-87E0-3E961CBE46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  <p:sp>
          <p:nvSpPr>
            <p:cNvPr id="39" name="Freeform 14">
              <a:extLst>
                <a:ext uri="{FF2B5EF4-FFF2-40B4-BE49-F238E27FC236}">
                  <a16:creationId xmlns:a16="http://schemas.microsoft.com/office/drawing/2014/main" id="{95322F62-2CA7-4C72-BE20-8B93945A3273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2600" dirty="0">
                <a:solidFill>
                  <a:schemeClr val="bg1"/>
                </a:solidFill>
              </a:endParaRPr>
            </a:p>
          </p:txBody>
        </p:sp>
      </p:grpSp>
      <p:sp>
        <p:nvSpPr>
          <p:cNvPr id="40" name="Title 1">
            <a:extLst>
              <a:ext uri="{FF2B5EF4-FFF2-40B4-BE49-F238E27FC236}">
                <a16:creationId xmlns:a16="http://schemas.microsoft.com/office/drawing/2014/main" id="{D9B25E43-ACA5-4BFC-98CD-B96634D5AD4A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501651" y="5332396"/>
            <a:ext cx="4446269" cy="464044"/>
          </a:xfrm>
        </p:spPr>
        <p:txBody>
          <a:bodyPr anchor="t" anchorCtr="0">
            <a:noAutofit/>
          </a:bodyPr>
          <a:lstStyle>
            <a:lvl1pPr algn="l">
              <a:lnSpc>
                <a:spcPct val="100000"/>
              </a:lnSpc>
              <a:defRPr sz="2100" b="0">
                <a:solidFill>
                  <a:schemeClr val="accent1"/>
                </a:solidFill>
                <a:latin typeface="+mn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1" name="Text Placeholder 4">
            <a:extLst>
              <a:ext uri="{FF2B5EF4-FFF2-40B4-BE49-F238E27FC236}">
                <a16:creationId xmlns:a16="http://schemas.microsoft.com/office/drawing/2014/main" id="{EE5D7BA0-7E63-4F55-8707-FB998AF96C8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1" y="6381750"/>
            <a:ext cx="4446269" cy="273050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Aft>
                <a:spcPts val="0"/>
              </a:spcAft>
              <a:defRPr sz="160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07923568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>
        <p15:guide id="1" orient="horz" pos="4088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21">
            <a:extLst>
              <a:ext uri="{FF2B5EF4-FFF2-40B4-BE49-F238E27FC236}">
                <a16:creationId xmlns:a16="http://schemas.microsoft.com/office/drawing/2014/main" id="{FBB3512A-69D6-2345-931E-CD2AE04BDA10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9900" y="254913"/>
            <a:ext cx="2849372" cy="8617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9pPr>
          </a:lstStyle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Studio Tributario </a:t>
            </a:r>
          </a:p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 Societario</a:t>
            </a:r>
          </a:p>
        </p:txBody>
      </p:sp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57201" y="5186209"/>
            <a:ext cx="4490721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7201" y="6365848"/>
            <a:ext cx="4490721" cy="273050"/>
          </a:xfrm>
          <a:prstGeom prst="rect">
            <a:avLst/>
          </a:prstGeom>
        </p:spPr>
        <p:txBody>
          <a:bodyPr anchor="t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19272" y="688848"/>
            <a:ext cx="5562600" cy="5556504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519D0A60-9BD4-C84B-824F-5E6068953F51}"/>
              </a:ext>
            </a:extLst>
          </p:cNvPr>
          <p:cNvGrpSpPr/>
          <p:nvPr userDrawn="1"/>
        </p:nvGrpSpPr>
        <p:grpSpPr>
          <a:xfrm>
            <a:off x="10519323" y="6282213"/>
            <a:ext cx="1211518" cy="23032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8" name="Oval 5">
              <a:extLst>
                <a:ext uri="{FF2B5EF4-FFF2-40B4-BE49-F238E27FC236}">
                  <a16:creationId xmlns:a16="http://schemas.microsoft.com/office/drawing/2014/main" id="{9DB3DCD2-131D-A94F-8D2C-511F2F286FA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9" name="Freeform 6">
              <a:extLst>
                <a:ext uri="{FF2B5EF4-FFF2-40B4-BE49-F238E27FC236}">
                  <a16:creationId xmlns:a16="http://schemas.microsoft.com/office/drawing/2014/main" id="{FB0D2A56-3D47-DD45-A36C-4E45A1E36F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0" name="Rectangle 7">
              <a:extLst>
                <a:ext uri="{FF2B5EF4-FFF2-40B4-BE49-F238E27FC236}">
                  <a16:creationId xmlns:a16="http://schemas.microsoft.com/office/drawing/2014/main" id="{61DCE910-7E26-F34D-BD35-F38E5E381779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1" name="Freeform 8">
              <a:extLst>
                <a:ext uri="{FF2B5EF4-FFF2-40B4-BE49-F238E27FC236}">
                  <a16:creationId xmlns:a16="http://schemas.microsoft.com/office/drawing/2014/main" id="{8DA9EF90-BA23-8641-98F4-FFECF80437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2" name="Rectangle 9">
              <a:extLst>
                <a:ext uri="{FF2B5EF4-FFF2-40B4-BE49-F238E27FC236}">
                  <a16:creationId xmlns:a16="http://schemas.microsoft.com/office/drawing/2014/main" id="{DB8D0237-34BA-554C-8EAB-F259E308144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3" name="Rectangle 10">
              <a:extLst>
                <a:ext uri="{FF2B5EF4-FFF2-40B4-BE49-F238E27FC236}">
                  <a16:creationId xmlns:a16="http://schemas.microsoft.com/office/drawing/2014/main" id="{005A7047-1BBE-7240-9DD1-AA3BA2DF487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4" name="Freeform 11">
              <a:extLst>
                <a:ext uri="{FF2B5EF4-FFF2-40B4-BE49-F238E27FC236}">
                  <a16:creationId xmlns:a16="http://schemas.microsoft.com/office/drawing/2014/main" id="{3C3708E1-7C8E-4640-93EF-55902CD556FB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5" name="Freeform 12">
              <a:extLst>
                <a:ext uri="{FF2B5EF4-FFF2-40B4-BE49-F238E27FC236}">
                  <a16:creationId xmlns:a16="http://schemas.microsoft.com/office/drawing/2014/main" id="{E13696D7-C9A6-F24F-9440-CCD62DBC976D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7" name="Freeform 13">
              <a:extLst>
                <a:ext uri="{FF2B5EF4-FFF2-40B4-BE49-F238E27FC236}">
                  <a16:creationId xmlns:a16="http://schemas.microsoft.com/office/drawing/2014/main" id="{FE5B29FB-CCB5-9744-BADD-39376E4D17E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8" name="Freeform 14">
              <a:extLst>
                <a:ext uri="{FF2B5EF4-FFF2-40B4-BE49-F238E27FC236}">
                  <a16:creationId xmlns:a16="http://schemas.microsoft.com/office/drawing/2014/main" id="{2EE128A7-BCDD-1746-8FF8-7ED63EACC9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1019555102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8975327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21">
            <a:extLst>
              <a:ext uri="{FF2B5EF4-FFF2-40B4-BE49-F238E27FC236}">
                <a16:creationId xmlns:a16="http://schemas.microsoft.com/office/drawing/2014/main" id="{9D2576A3-C003-924D-8B2C-272BAA2933F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9900" y="254913"/>
            <a:ext cx="2849372" cy="8617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9pPr>
          </a:lstStyle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Studio Tributario </a:t>
            </a:r>
          </a:p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 Societario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01173A43-AC2B-0342-8008-78A9546CDA1A}"/>
              </a:ext>
            </a:extLst>
          </p:cNvPr>
          <p:cNvGrpSpPr/>
          <p:nvPr userDrawn="1"/>
        </p:nvGrpSpPr>
        <p:grpSpPr>
          <a:xfrm>
            <a:off x="10519323" y="6284780"/>
            <a:ext cx="1211518" cy="23032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8" name="Oval 5">
              <a:extLst>
                <a:ext uri="{FF2B5EF4-FFF2-40B4-BE49-F238E27FC236}">
                  <a16:creationId xmlns:a16="http://schemas.microsoft.com/office/drawing/2014/main" id="{C823931F-0F2C-364E-833F-394AE3A11C17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9" name="Freeform 6">
              <a:extLst>
                <a:ext uri="{FF2B5EF4-FFF2-40B4-BE49-F238E27FC236}">
                  <a16:creationId xmlns:a16="http://schemas.microsoft.com/office/drawing/2014/main" id="{1E2678C6-50A1-3643-A592-4F2649B467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0" name="Rectangle 7">
              <a:extLst>
                <a:ext uri="{FF2B5EF4-FFF2-40B4-BE49-F238E27FC236}">
                  <a16:creationId xmlns:a16="http://schemas.microsoft.com/office/drawing/2014/main" id="{C352BFED-A097-4847-A1ED-2D5799543B5D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1" name="Freeform 8">
              <a:extLst>
                <a:ext uri="{FF2B5EF4-FFF2-40B4-BE49-F238E27FC236}">
                  <a16:creationId xmlns:a16="http://schemas.microsoft.com/office/drawing/2014/main" id="{9F5112E2-B2B8-0447-868C-CBF5DF97624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2" name="Rectangle 9">
              <a:extLst>
                <a:ext uri="{FF2B5EF4-FFF2-40B4-BE49-F238E27FC236}">
                  <a16:creationId xmlns:a16="http://schemas.microsoft.com/office/drawing/2014/main" id="{56A94D88-F576-CD4E-A5C4-0CE30FF2A300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3" name="Rectangle 10">
              <a:extLst>
                <a:ext uri="{FF2B5EF4-FFF2-40B4-BE49-F238E27FC236}">
                  <a16:creationId xmlns:a16="http://schemas.microsoft.com/office/drawing/2014/main" id="{3A98CDDC-A13E-FF4F-8B4C-5B1603FED576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4" name="Freeform 11">
              <a:extLst>
                <a:ext uri="{FF2B5EF4-FFF2-40B4-BE49-F238E27FC236}">
                  <a16:creationId xmlns:a16="http://schemas.microsoft.com/office/drawing/2014/main" id="{C49FE86E-7DDB-D848-BD8E-DE36F0F4DBE5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5" name="Freeform 12">
              <a:extLst>
                <a:ext uri="{FF2B5EF4-FFF2-40B4-BE49-F238E27FC236}">
                  <a16:creationId xmlns:a16="http://schemas.microsoft.com/office/drawing/2014/main" id="{66E0C6F0-3F92-3D4B-B40F-735371147DF8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8" name="Freeform 13">
              <a:extLst>
                <a:ext uri="{FF2B5EF4-FFF2-40B4-BE49-F238E27FC236}">
                  <a16:creationId xmlns:a16="http://schemas.microsoft.com/office/drawing/2014/main" id="{EE961048-B4DF-4040-B8ED-B4FCA3EA232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9" name="Freeform 14">
              <a:extLst>
                <a:ext uri="{FF2B5EF4-FFF2-40B4-BE49-F238E27FC236}">
                  <a16:creationId xmlns:a16="http://schemas.microsoft.com/office/drawing/2014/main" id="{E54632CD-441C-C341-AA25-022FD915880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</p:grp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3296" y="6365848"/>
            <a:ext cx="4446269" cy="273050"/>
          </a:xfrm>
          <a:prstGeom prst="rect">
            <a:avLst/>
          </a:prstGeom>
        </p:spPr>
        <p:txBody>
          <a:bodyPr anchor="t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53" name="Title 1">
            <a:extLst>
              <a:ext uri="{FF2B5EF4-FFF2-40B4-BE49-F238E27FC236}">
                <a16:creationId xmlns:a16="http://schemas.microsoft.com/office/drawing/2014/main" id="{647FBB06-57A1-478F-8BCE-57D05265516A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63296" y="5186209"/>
            <a:ext cx="4446269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7" name="Picture Placeholder 8">
            <a:extLst>
              <a:ext uri="{FF2B5EF4-FFF2-40B4-BE49-F238E27FC236}">
                <a16:creationId xmlns:a16="http://schemas.microsoft.com/office/drawing/2014/main" id="{AA5D9D6B-8AE5-40BD-B06B-DB5F7F3841F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16942" y="688848"/>
            <a:ext cx="5562600" cy="5556504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67306380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ack Page Image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8">
            <a:extLst>
              <a:ext uri="{FF2B5EF4-FFF2-40B4-BE49-F238E27FC236}">
                <a16:creationId xmlns:a16="http://schemas.microsoft.com/office/drawing/2014/main" id="{DEF77F0F-DE6A-48C9-92BD-013174DD643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8" name="Text Placeholder 4">
            <a:extLst>
              <a:ext uri="{FF2B5EF4-FFF2-40B4-BE49-F238E27FC236}">
                <a16:creationId xmlns:a16="http://schemas.microsoft.com/office/drawing/2014/main" id="{7843742C-26CB-411F-8564-50309241988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3296" y="6364224"/>
            <a:ext cx="4446269" cy="273050"/>
          </a:xfrm>
          <a:prstGeom prst="rect">
            <a:avLst/>
          </a:prstGeom>
        </p:spPr>
        <p:txBody>
          <a:bodyPr anchor="t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9" name="Title 1">
            <a:extLst>
              <a:ext uri="{FF2B5EF4-FFF2-40B4-BE49-F238E27FC236}">
                <a16:creationId xmlns:a16="http://schemas.microsoft.com/office/drawing/2014/main" id="{A7C729B7-24CD-4887-BCB2-9B9E69736AAE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63296" y="5186209"/>
            <a:ext cx="4446269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CB5451A9-3E6A-4737-92D0-C9DAA534DA04}"/>
              </a:ext>
            </a:extLst>
          </p:cNvPr>
          <p:cNvCxnSpPr/>
          <p:nvPr userDrawn="1"/>
        </p:nvCxnSpPr>
        <p:spPr>
          <a:xfrm flipV="1">
            <a:off x="0" y="0"/>
            <a:ext cx="12192000" cy="68580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21">
            <a:extLst>
              <a:ext uri="{FF2B5EF4-FFF2-40B4-BE49-F238E27FC236}">
                <a16:creationId xmlns:a16="http://schemas.microsoft.com/office/drawing/2014/main" id="{876A2D23-DAF4-A64A-AF74-EEB4BF58BD2F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9900" y="254913"/>
            <a:ext cx="2849372" cy="8617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9pPr>
          </a:lstStyle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Studio Tributario </a:t>
            </a:r>
          </a:p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 Societario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1C627193-DC9F-064B-9029-4D2CE80826A1}"/>
              </a:ext>
            </a:extLst>
          </p:cNvPr>
          <p:cNvGrpSpPr/>
          <p:nvPr userDrawn="1"/>
        </p:nvGrpSpPr>
        <p:grpSpPr>
          <a:xfrm>
            <a:off x="10519323" y="6284780"/>
            <a:ext cx="1211518" cy="23032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9" name="Oval 5">
              <a:extLst>
                <a:ext uri="{FF2B5EF4-FFF2-40B4-BE49-F238E27FC236}">
                  <a16:creationId xmlns:a16="http://schemas.microsoft.com/office/drawing/2014/main" id="{9AC054AA-5739-9F4D-A6F4-EA74FCEB8421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0" name="Freeform 6">
              <a:extLst>
                <a:ext uri="{FF2B5EF4-FFF2-40B4-BE49-F238E27FC236}">
                  <a16:creationId xmlns:a16="http://schemas.microsoft.com/office/drawing/2014/main" id="{DFD8242C-59EF-DB48-A56B-AD27BA9F14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1" name="Rectangle 7">
              <a:extLst>
                <a:ext uri="{FF2B5EF4-FFF2-40B4-BE49-F238E27FC236}">
                  <a16:creationId xmlns:a16="http://schemas.microsoft.com/office/drawing/2014/main" id="{D2B04621-DAA8-784F-B2C2-0D562F706140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2" name="Freeform 8">
              <a:extLst>
                <a:ext uri="{FF2B5EF4-FFF2-40B4-BE49-F238E27FC236}">
                  <a16:creationId xmlns:a16="http://schemas.microsoft.com/office/drawing/2014/main" id="{F72B7D21-60E5-F84B-AAFE-F138509DFE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3" name="Rectangle 9">
              <a:extLst>
                <a:ext uri="{FF2B5EF4-FFF2-40B4-BE49-F238E27FC236}">
                  <a16:creationId xmlns:a16="http://schemas.microsoft.com/office/drawing/2014/main" id="{AD931533-292A-A74A-886B-D7A5A9FC7AB3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4" name="Rectangle 10">
              <a:extLst>
                <a:ext uri="{FF2B5EF4-FFF2-40B4-BE49-F238E27FC236}">
                  <a16:creationId xmlns:a16="http://schemas.microsoft.com/office/drawing/2014/main" id="{179F8519-908F-CF46-AF94-96AF7585BA57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5" name="Freeform 11">
              <a:extLst>
                <a:ext uri="{FF2B5EF4-FFF2-40B4-BE49-F238E27FC236}">
                  <a16:creationId xmlns:a16="http://schemas.microsoft.com/office/drawing/2014/main" id="{15DFE3B2-1E6B-C74F-8943-4735275645AC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6" name="Freeform 12">
              <a:extLst>
                <a:ext uri="{FF2B5EF4-FFF2-40B4-BE49-F238E27FC236}">
                  <a16:creationId xmlns:a16="http://schemas.microsoft.com/office/drawing/2014/main" id="{7B5FC5B0-1B15-5C41-AE44-157B4708978E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8" name="Freeform 13">
              <a:extLst>
                <a:ext uri="{FF2B5EF4-FFF2-40B4-BE49-F238E27FC236}">
                  <a16:creationId xmlns:a16="http://schemas.microsoft.com/office/drawing/2014/main" id="{861C9BB5-D021-BD44-8D30-569A7E5DDCF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9" name="Freeform 14">
              <a:extLst>
                <a:ext uri="{FF2B5EF4-FFF2-40B4-BE49-F238E27FC236}">
                  <a16:creationId xmlns:a16="http://schemas.microsoft.com/office/drawing/2014/main" id="{EC2F16B3-FC10-F74E-894E-DCCE3910387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780151956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Circle with tex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8">
            <a:extLst>
              <a:ext uri="{FF2B5EF4-FFF2-40B4-BE49-F238E27FC236}">
                <a16:creationId xmlns:a16="http://schemas.microsoft.com/office/drawing/2014/main" id="{8B9DDECB-90E6-4132-BCD8-24EBC3764DB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724289" y="688848"/>
            <a:ext cx="5562600" cy="5556504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1" name="Title 1">
            <a:extLst>
              <a:ext uri="{FF2B5EF4-FFF2-40B4-BE49-F238E27FC236}">
                <a16:creationId xmlns:a16="http://schemas.microsoft.com/office/drawing/2014/main" id="{70F15D73-40F4-4F95-9E2A-7A67F615DB4A}"/>
              </a:ext>
            </a:extLst>
          </p:cNvPr>
          <p:cNvSpPr>
            <a:spLocks noGrp="1"/>
          </p:cNvSpPr>
          <p:nvPr>
            <p:ph type="ctrTitle"/>
          </p:nvPr>
        </p:nvSpPr>
        <p:spPr bwMode="gray">
          <a:xfrm>
            <a:off x="457201" y="5186209"/>
            <a:ext cx="4490721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Calibri Light" panose="020F030202020403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44" name="Text Placeholder 4">
            <a:extLst>
              <a:ext uri="{FF2B5EF4-FFF2-40B4-BE49-F238E27FC236}">
                <a16:creationId xmlns:a16="http://schemas.microsoft.com/office/drawing/2014/main" id="{E65ED79E-D6FD-4D90-9073-C8776CB6AD1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7201" y="6365848"/>
            <a:ext cx="4490721" cy="273050"/>
          </a:xfrm>
          <a:prstGeom prst="rect">
            <a:avLst/>
          </a:prstGeom>
        </p:spPr>
        <p:txBody>
          <a:bodyPr anchor="t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6" name="TextBox 21">
            <a:extLst>
              <a:ext uri="{FF2B5EF4-FFF2-40B4-BE49-F238E27FC236}">
                <a16:creationId xmlns:a16="http://schemas.microsoft.com/office/drawing/2014/main" id="{C0BA1443-905C-9846-8255-333A06CCB5B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9900" y="254913"/>
            <a:ext cx="2849372" cy="8617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9pPr>
          </a:lstStyle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Studio Tributario </a:t>
            </a:r>
          </a:p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 Societario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59B000A5-D229-D747-9711-B7526439E63E}"/>
              </a:ext>
            </a:extLst>
          </p:cNvPr>
          <p:cNvGrpSpPr/>
          <p:nvPr userDrawn="1"/>
        </p:nvGrpSpPr>
        <p:grpSpPr>
          <a:xfrm>
            <a:off x="10519323" y="6282213"/>
            <a:ext cx="1211518" cy="23032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8" name="Oval 5">
              <a:extLst>
                <a:ext uri="{FF2B5EF4-FFF2-40B4-BE49-F238E27FC236}">
                  <a16:creationId xmlns:a16="http://schemas.microsoft.com/office/drawing/2014/main" id="{D243B35D-3213-5746-AA9C-D17CD3A2152D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9" name="Freeform 6">
              <a:extLst>
                <a:ext uri="{FF2B5EF4-FFF2-40B4-BE49-F238E27FC236}">
                  <a16:creationId xmlns:a16="http://schemas.microsoft.com/office/drawing/2014/main" id="{100C42A1-E635-3A4A-8A4D-36CE204E5BB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0" name="Rectangle 7">
              <a:extLst>
                <a:ext uri="{FF2B5EF4-FFF2-40B4-BE49-F238E27FC236}">
                  <a16:creationId xmlns:a16="http://schemas.microsoft.com/office/drawing/2014/main" id="{1383EFBE-53C5-7A47-A541-0284B212931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1" name="Freeform 8">
              <a:extLst>
                <a:ext uri="{FF2B5EF4-FFF2-40B4-BE49-F238E27FC236}">
                  <a16:creationId xmlns:a16="http://schemas.microsoft.com/office/drawing/2014/main" id="{6EF12FCB-B415-FB44-9E35-1A08B55FFA2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2" name="Rectangle 9">
              <a:extLst>
                <a:ext uri="{FF2B5EF4-FFF2-40B4-BE49-F238E27FC236}">
                  <a16:creationId xmlns:a16="http://schemas.microsoft.com/office/drawing/2014/main" id="{6C1FBD0E-F3EE-954E-91D0-C288B415353C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3" name="Rectangle 10">
              <a:extLst>
                <a:ext uri="{FF2B5EF4-FFF2-40B4-BE49-F238E27FC236}">
                  <a16:creationId xmlns:a16="http://schemas.microsoft.com/office/drawing/2014/main" id="{2607FE13-9D7B-7549-B384-C768946276F5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4" name="Freeform 11">
              <a:extLst>
                <a:ext uri="{FF2B5EF4-FFF2-40B4-BE49-F238E27FC236}">
                  <a16:creationId xmlns:a16="http://schemas.microsoft.com/office/drawing/2014/main" id="{D9ACF619-BEBA-2841-9694-673F8A645352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5" name="Freeform 12">
              <a:extLst>
                <a:ext uri="{FF2B5EF4-FFF2-40B4-BE49-F238E27FC236}">
                  <a16:creationId xmlns:a16="http://schemas.microsoft.com/office/drawing/2014/main" id="{4651D2C7-2242-4441-8339-EB59D7998D9F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8" name="Freeform 13">
              <a:extLst>
                <a:ext uri="{FF2B5EF4-FFF2-40B4-BE49-F238E27FC236}">
                  <a16:creationId xmlns:a16="http://schemas.microsoft.com/office/drawing/2014/main" id="{DCC73D88-62C2-DF43-85BB-650B56162AA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9" name="Freeform 14">
              <a:extLst>
                <a:ext uri="{FF2B5EF4-FFF2-40B4-BE49-F238E27FC236}">
                  <a16:creationId xmlns:a16="http://schemas.microsoft.com/office/drawing/2014/main" id="{FEB65596-C84B-E04C-BB5B-4F8863550F7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483749916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- Deloitte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4001"/>
            <a:ext cx="11271504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1532"/>
            <a:ext cx="11271504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tx1"/>
                </a:solidFill>
                <a:latin typeface="+mn-lt"/>
                <a:cs typeface="Calibri" panose="020F0502020204030204" pitchFamily="34" charset="0"/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8352853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green accent 4">
    <p:bg bwMode="gray"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9901" y="1726936"/>
            <a:ext cx="11264900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1" y="3474720"/>
            <a:ext cx="112649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CA24B28E-5B13-4779-8D72-C52A20B99FE7}"/>
              </a:ext>
            </a:extLst>
          </p:cNvPr>
          <p:cNvSpPr txBox="1"/>
          <p:nvPr userDrawn="1"/>
        </p:nvSpPr>
        <p:spPr>
          <a:xfrm>
            <a:off x="501649" y="6519673"/>
            <a:ext cx="5355168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3" name="CaseCode">
            <a:extLst>
              <a:ext uri="{FF2B5EF4-FFF2-40B4-BE49-F238E27FC236}">
                <a16:creationId xmlns:a16="http://schemas.microsoft.com/office/drawing/2014/main" id="{D39A514A-409D-470C-AE9C-EFB16BDA8C83}"/>
              </a:ext>
            </a:extLst>
          </p:cNvPr>
          <p:cNvSpPr txBox="1"/>
          <p:nvPr userDrawn="1"/>
        </p:nvSpPr>
        <p:spPr>
          <a:xfrm>
            <a:off x="6335184" y="6519673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72A5EC33-1574-4E3A-89DA-3EC00A69C870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9494385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9901" y="1728217"/>
            <a:ext cx="11264900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9901" y="3474720"/>
            <a:ext cx="112649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13" name="Copyright">
            <a:extLst>
              <a:ext uri="{FF2B5EF4-FFF2-40B4-BE49-F238E27FC236}">
                <a16:creationId xmlns:a16="http://schemas.microsoft.com/office/drawing/2014/main" id="{1DC4A35C-6E5F-4D1C-8973-1C29CBAF765E}"/>
              </a:ext>
            </a:extLst>
          </p:cNvPr>
          <p:cNvSpPr txBox="1"/>
          <p:nvPr userDrawn="1"/>
        </p:nvSpPr>
        <p:spPr>
          <a:xfrm>
            <a:off x="501649" y="6519673"/>
            <a:ext cx="5355168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4" name="CaseCode">
            <a:extLst>
              <a:ext uri="{FF2B5EF4-FFF2-40B4-BE49-F238E27FC236}">
                <a16:creationId xmlns:a16="http://schemas.microsoft.com/office/drawing/2014/main" id="{5B6818A1-3235-4413-9665-6D922B35C666}"/>
              </a:ext>
            </a:extLst>
          </p:cNvPr>
          <p:cNvSpPr txBox="1"/>
          <p:nvPr userDrawn="1"/>
        </p:nvSpPr>
        <p:spPr>
          <a:xfrm>
            <a:off x="6335184" y="6519673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A87CE22-99C8-4AA1-B80A-420B68B7E283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8847260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green accent 1">
    <p:bg bwMode="gray"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8217"/>
            <a:ext cx="11271504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4720"/>
            <a:ext cx="11271504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04AF6108-47E9-489A-A28A-88A6C754FB38}"/>
              </a:ext>
            </a:extLst>
          </p:cNvPr>
          <p:cNvSpPr txBox="1"/>
          <p:nvPr userDrawn="1"/>
        </p:nvSpPr>
        <p:spPr>
          <a:xfrm>
            <a:off x="501649" y="6519673"/>
            <a:ext cx="5355168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1" name="CaseCode">
            <a:extLst>
              <a:ext uri="{FF2B5EF4-FFF2-40B4-BE49-F238E27FC236}">
                <a16:creationId xmlns:a16="http://schemas.microsoft.com/office/drawing/2014/main" id="{8980A458-ABD9-40B8-8C0D-269072CDB94F}"/>
              </a:ext>
            </a:extLst>
          </p:cNvPr>
          <p:cNvSpPr txBox="1"/>
          <p:nvPr userDrawn="1"/>
        </p:nvSpPr>
        <p:spPr>
          <a:xfrm>
            <a:off x="6335184" y="6519673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071386E3-7822-4155-91DC-3E38D96ED6CE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9203540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green accent 2">
    <p:bg bwMode="gray"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/>
          </p:nvPr>
        </p:nvSpPr>
        <p:spPr bwMode="gray">
          <a:xfrm>
            <a:off x="463296" y="1728217"/>
            <a:ext cx="11227056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4720"/>
            <a:ext cx="11227056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484F29FA-0A46-4792-A45E-5DE1B223E09B}"/>
              </a:ext>
            </a:extLst>
          </p:cNvPr>
          <p:cNvSpPr txBox="1"/>
          <p:nvPr userDrawn="1"/>
        </p:nvSpPr>
        <p:spPr>
          <a:xfrm>
            <a:off x="501649" y="6519673"/>
            <a:ext cx="5355168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1" name="CaseCode">
            <a:extLst>
              <a:ext uri="{FF2B5EF4-FFF2-40B4-BE49-F238E27FC236}">
                <a16:creationId xmlns:a16="http://schemas.microsoft.com/office/drawing/2014/main" id="{12BDD3ED-029E-4AC9-80CA-D3A2FBE9A5AF}"/>
              </a:ext>
            </a:extLst>
          </p:cNvPr>
          <p:cNvSpPr txBox="1"/>
          <p:nvPr userDrawn="1"/>
        </p:nvSpPr>
        <p:spPr>
          <a:xfrm>
            <a:off x="6335184" y="6519673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6895299-9295-492F-8C31-9744F3FB7A06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74618771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eloitte green accent 3">
    <p:bg bwMode="gray"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8217"/>
            <a:ext cx="11227056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4720"/>
            <a:ext cx="11227056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bg1"/>
                </a:solidFill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7" name="Copyright">
            <a:extLst>
              <a:ext uri="{FF2B5EF4-FFF2-40B4-BE49-F238E27FC236}">
                <a16:creationId xmlns:a16="http://schemas.microsoft.com/office/drawing/2014/main" id="{EC93E963-CFD3-43A9-AE1B-F08B522B4130}"/>
              </a:ext>
            </a:extLst>
          </p:cNvPr>
          <p:cNvSpPr txBox="1"/>
          <p:nvPr userDrawn="1"/>
        </p:nvSpPr>
        <p:spPr>
          <a:xfrm>
            <a:off x="501649" y="6519673"/>
            <a:ext cx="5355168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8" name="CaseCode">
            <a:extLst>
              <a:ext uri="{FF2B5EF4-FFF2-40B4-BE49-F238E27FC236}">
                <a16:creationId xmlns:a16="http://schemas.microsoft.com/office/drawing/2014/main" id="{791BE9BD-85F6-497E-A8D6-CBFF87927B15}"/>
              </a:ext>
            </a:extLst>
          </p:cNvPr>
          <p:cNvSpPr txBox="1"/>
          <p:nvPr userDrawn="1"/>
        </p:nvSpPr>
        <p:spPr>
          <a:xfrm>
            <a:off x="6335184" y="6519673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B538D13-8CB9-4EE1-BCA9-24557BC4F2B2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1426412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statement green acc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7" y="1714500"/>
            <a:ext cx="9323916" cy="4648200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bg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08E5BA7E-93C2-43A2-9267-44AEA65B95C5}"/>
              </a:ext>
            </a:extLst>
          </p:cNvPr>
          <p:cNvSpPr txBox="1"/>
          <p:nvPr userDrawn="1"/>
        </p:nvSpPr>
        <p:spPr>
          <a:xfrm>
            <a:off x="501649" y="6519673"/>
            <a:ext cx="5355168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0" name="CaseCode">
            <a:extLst>
              <a:ext uri="{FF2B5EF4-FFF2-40B4-BE49-F238E27FC236}">
                <a16:creationId xmlns:a16="http://schemas.microsoft.com/office/drawing/2014/main" id="{015C4658-A753-4EFC-B4C9-8CC1413F742B}"/>
              </a:ext>
            </a:extLst>
          </p:cNvPr>
          <p:cNvSpPr txBox="1"/>
          <p:nvPr userDrawn="1"/>
        </p:nvSpPr>
        <p:spPr>
          <a:xfrm>
            <a:off x="6335184" y="6519673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EC3538D-DEF3-427C-A22B-D6DED4B4F939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40233573"/>
      </p:ext>
    </p:extLst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2700867"/>
            <a:ext cx="8596668" cy="1826581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860400"/>
          </a:xfrm>
        </p:spPr>
        <p:txBody>
          <a:bodyPr anchor="t"/>
          <a:lstStyle>
            <a:lvl1pPr marL="0" indent="0" algn="l">
              <a:buNone/>
              <a:defRPr sz="2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67714585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statement Green Accent 4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6" y="1714500"/>
            <a:ext cx="9341104" cy="4648200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bg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42B478C9-B5DA-40CF-85B5-B8255333DF59}"/>
              </a:ext>
            </a:extLst>
          </p:cNvPr>
          <p:cNvSpPr txBox="1"/>
          <p:nvPr userDrawn="1"/>
        </p:nvSpPr>
        <p:spPr>
          <a:xfrm>
            <a:off x="501649" y="6519673"/>
            <a:ext cx="5355168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0" name="CaseCode">
            <a:extLst>
              <a:ext uri="{FF2B5EF4-FFF2-40B4-BE49-F238E27FC236}">
                <a16:creationId xmlns:a16="http://schemas.microsoft.com/office/drawing/2014/main" id="{13465439-7954-4F6D-A5BA-2445764B064C}"/>
              </a:ext>
            </a:extLst>
          </p:cNvPr>
          <p:cNvSpPr txBox="1"/>
          <p:nvPr userDrawn="1"/>
        </p:nvSpPr>
        <p:spPr>
          <a:xfrm>
            <a:off x="6335184" y="6519673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B993EBE-E0B6-4868-AEFF-D7DAD2DDC7E4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9870142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statement teal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6" y="1719073"/>
            <a:ext cx="9341104" cy="4643628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bg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D9D178A5-CCC4-4A46-8C47-9A140D4A5CA1}"/>
              </a:ext>
            </a:extLst>
          </p:cNvPr>
          <p:cNvSpPr txBox="1"/>
          <p:nvPr userDrawn="1"/>
        </p:nvSpPr>
        <p:spPr>
          <a:xfrm>
            <a:off x="501649" y="6519673"/>
            <a:ext cx="5355168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0" name="CaseCode">
            <a:extLst>
              <a:ext uri="{FF2B5EF4-FFF2-40B4-BE49-F238E27FC236}">
                <a16:creationId xmlns:a16="http://schemas.microsoft.com/office/drawing/2014/main" id="{70B3F7DA-818B-4D8B-B857-2D625878F36E}"/>
              </a:ext>
            </a:extLst>
          </p:cNvPr>
          <p:cNvSpPr txBox="1"/>
          <p:nvPr userDrawn="1"/>
        </p:nvSpPr>
        <p:spPr>
          <a:xfrm>
            <a:off x="6335184" y="6519673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106B75E-593B-4DBE-A922-1C55C945A5EC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526520032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statement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6" y="1719073"/>
            <a:ext cx="9341104" cy="4643628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bg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8A445E98-0101-4641-B761-F6EC62A4C1F9}"/>
              </a:ext>
            </a:extLst>
          </p:cNvPr>
          <p:cNvSpPr txBox="1"/>
          <p:nvPr userDrawn="1"/>
        </p:nvSpPr>
        <p:spPr>
          <a:xfrm>
            <a:off x="501649" y="6519673"/>
            <a:ext cx="5355168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0" name="CaseCode">
            <a:extLst>
              <a:ext uri="{FF2B5EF4-FFF2-40B4-BE49-F238E27FC236}">
                <a16:creationId xmlns:a16="http://schemas.microsoft.com/office/drawing/2014/main" id="{8E6546D8-000E-40B0-BE69-23BCCEC818E9}"/>
              </a:ext>
            </a:extLst>
          </p:cNvPr>
          <p:cNvSpPr txBox="1"/>
          <p:nvPr userDrawn="1"/>
        </p:nvSpPr>
        <p:spPr>
          <a:xfrm>
            <a:off x="6335184" y="6519673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7761B44-F344-440B-8939-9E878C81D0CA}"/>
              </a:ext>
            </a:extLst>
          </p:cNvPr>
          <p:cNvSpPr txBox="1"/>
          <p:nvPr userDrawn="1"/>
        </p:nvSpPr>
        <p:spPr>
          <a:xfrm>
            <a:off x="11426826" y="651967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10500266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Key statement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75488" y="1719072"/>
            <a:ext cx="9328912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700"/>
              </a:spcBef>
              <a:buFontTx/>
              <a:buNone/>
              <a:defRPr sz="3600">
                <a:solidFill>
                  <a:schemeClr val="tx1"/>
                </a:solidFill>
              </a:defRPr>
            </a:lvl1pPr>
            <a:lvl2pPr marL="342900" indent="-342900">
              <a:defRPr sz="2250">
                <a:solidFill>
                  <a:schemeClr val="bg2"/>
                </a:solidFill>
              </a:defRPr>
            </a:lvl2pPr>
            <a:lvl3pPr>
              <a:defRPr sz="2250">
                <a:solidFill>
                  <a:schemeClr val="bg2"/>
                </a:solidFill>
              </a:defRPr>
            </a:lvl3pPr>
            <a:lvl4pPr>
              <a:defRPr sz="2250">
                <a:solidFill>
                  <a:schemeClr val="bg2"/>
                </a:solidFill>
              </a:defRPr>
            </a:lvl4pPr>
            <a:lvl5pPr>
              <a:defRPr sz="225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634604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8"/>
          <p:cNvSpPr>
            <a:spLocks noGrp="1"/>
          </p:cNvSpPr>
          <p:nvPr>
            <p:ph idx="1"/>
          </p:nvPr>
        </p:nvSpPr>
        <p:spPr>
          <a:xfrm>
            <a:off x="463296" y="1714500"/>
            <a:ext cx="11277600" cy="46482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>
              <a:buFontTx/>
              <a:buNone/>
              <a:defRPr sz="1200"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defRPr sz="1200"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defRPr sz="1200"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defRPr sz="1200"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defRPr sz="1200">
                <a:latin typeface="+mn-lt"/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noProof="0" dirty="0"/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A1AF4B88-9BDB-4994-AE11-3A74CC55FE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6" y="347473"/>
            <a:ext cx="11277600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671411136"/>
      </p:ext>
    </p:extLst>
  </p:cSld>
  <p:clrMapOvr>
    <a:masterClrMapping/>
  </p:clrMapOvr>
  <p:transition>
    <p:fade/>
  </p:transition>
  <p:hf hdr="0" dt="0"/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463296" y="1714500"/>
            <a:ext cx="9341104" cy="46482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5047060" algn="r"/>
              </a:tabLst>
              <a:defRPr sz="1200"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5047060" algn="r"/>
              </a:tabLst>
              <a:defRPr sz="1200"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5047060" algn="r"/>
              </a:tabLst>
              <a:defRPr sz="1200"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5047060" algn="r"/>
              </a:tabLst>
              <a:defRPr sz="1200"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  <a:lvl6pPr>
              <a:tabLst>
                <a:tab pos="5047060" algn="r"/>
              </a:tabLst>
              <a:defRPr/>
            </a:lvl6pPr>
            <a:lvl7pPr>
              <a:tabLst>
                <a:tab pos="5047060" algn="r"/>
              </a:tabLst>
              <a:defRPr/>
            </a:lvl7pPr>
            <a:lvl8pPr>
              <a:tabLst>
                <a:tab pos="5047060" algn="r"/>
              </a:tabLst>
              <a:defRPr/>
            </a:lvl8pPr>
            <a:lvl9pPr>
              <a:tabLst>
                <a:tab pos="5047060" algn="r"/>
              </a:tabLst>
              <a:defRPr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463296" y="347473"/>
            <a:ext cx="11180232" cy="69850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300735346"/>
      </p:ext>
    </p:extLst>
  </p:cSld>
  <p:clrMapOvr>
    <a:masterClrMapping/>
  </p:clrMapOvr>
  <p:transition>
    <p:fade/>
  </p:transition>
  <p:hf hdr="0" dt="0"/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Letter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8933144" y="345584"/>
            <a:ext cx="2804160" cy="1027760"/>
          </a:xfrm>
        </p:spPr>
        <p:txBody>
          <a:bodyPr>
            <a:noAutofit/>
          </a:bodyPr>
          <a:lstStyle>
            <a:lvl1pPr>
              <a:spcBef>
                <a:spcPts val="139"/>
              </a:spcBef>
              <a:defRPr sz="800">
                <a:solidFill>
                  <a:schemeClr val="tx1"/>
                </a:solidFill>
              </a:defRPr>
            </a:lvl1pPr>
            <a:lvl2pPr>
              <a:defRPr sz="727">
                <a:solidFill>
                  <a:schemeClr val="tx2"/>
                </a:solidFill>
              </a:defRPr>
            </a:lvl2pPr>
            <a:lvl3pPr>
              <a:defRPr sz="727">
                <a:solidFill>
                  <a:schemeClr val="tx2"/>
                </a:solidFill>
              </a:defRPr>
            </a:lvl3pPr>
            <a:lvl4pPr>
              <a:defRPr sz="692">
                <a:solidFill>
                  <a:schemeClr val="tx2"/>
                </a:solidFill>
              </a:defRPr>
            </a:lvl4pPr>
            <a:lvl5pPr>
              <a:defRPr sz="692">
                <a:solidFill>
                  <a:schemeClr val="tx2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1"/>
          </p:nvPr>
        </p:nvSpPr>
        <p:spPr>
          <a:xfrm>
            <a:off x="463296" y="1714500"/>
            <a:ext cx="3549904" cy="4648200"/>
          </a:xfrm>
        </p:spPr>
        <p:txBody>
          <a:bodyPr>
            <a:noAutofit/>
          </a:bodyPr>
          <a:lstStyle>
            <a:lvl1pPr>
              <a:spcBef>
                <a:spcPts val="0"/>
              </a:spcBef>
              <a:spcAft>
                <a:spcPts val="416"/>
              </a:spcAft>
              <a:defRPr sz="1200"/>
            </a:lvl1pPr>
            <a:lvl2pPr>
              <a:spcBef>
                <a:spcPts val="208"/>
              </a:spcBef>
              <a:defRPr/>
            </a:lvl2pPr>
            <a:lvl3pPr>
              <a:spcBef>
                <a:spcPts val="208"/>
              </a:spcBef>
              <a:defRPr/>
            </a:lvl3pPr>
            <a:lvl4pPr>
              <a:spcBef>
                <a:spcPts val="208"/>
              </a:spcBef>
              <a:defRPr/>
            </a:lvl4pPr>
            <a:lvl5pPr>
              <a:spcBef>
                <a:spcPts val="208"/>
              </a:spcBef>
              <a:defRPr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>
          <a:xfrm>
            <a:off x="4318000" y="1719073"/>
            <a:ext cx="7416801" cy="4643628"/>
          </a:xfrm>
        </p:spPr>
        <p:txBody>
          <a:bodyPr>
            <a:noAutofit/>
          </a:bodyPr>
          <a:lstStyle>
            <a:lvl1pPr marL="0" indent="0" algn="l">
              <a:spcBef>
                <a:spcPts val="1247"/>
              </a:spcBef>
              <a:buFontTx/>
              <a:buNone/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defRPr sz="1200"/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84135867"/>
      </p:ext>
    </p:extLst>
  </p:cSld>
  <p:clrMapOvr>
    <a:masterClrMapping/>
  </p:clrMapOvr>
  <p:transition>
    <p:fade/>
  </p:transition>
  <p:hf hdr="0" dt="0"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ontents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463295" y="347472"/>
            <a:ext cx="11228832" cy="698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5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5450351" y="1714500"/>
            <a:ext cx="6240000" cy="4648200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463296" y="1714500"/>
            <a:ext cx="4413504" cy="46482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39291014"/>
      </p:ext>
    </p:extLst>
  </p:cSld>
  <p:clrMapOvr>
    <a:masterClrMapping/>
  </p:clrMapOvr>
  <p:transition>
    <p:fade/>
  </p:transition>
  <p:hf hdr="0" dt="0"/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 columns of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3"/>
          <p:cNvSpPr>
            <a:spLocks noGrp="1"/>
          </p:cNvSpPr>
          <p:nvPr>
            <p:ph sz="quarter" idx="10"/>
          </p:nvPr>
        </p:nvSpPr>
        <p:spPr>
          <a:xfrm>
            <a:off x="463296" y="1719072"/>
            <a:ext cx="5480304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/>
          </p:nvPr>
        </p:nvSpPr>
        <p:spPr>
          <a:xfrm>
            <a:off x="6248404" y="1719072"/>
            <a:ext cx="5486397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6" name="Text Placeholder 8">
            <a:extLst>
              <a:ext uri="{FF2B5EF4-FFF2-40B4-BE49-F238E27FC236}">
                <a16:creationId xmlns:a16="http://schemas.microsoft.com/office/drawing/2014/main" id="{8A9CD2DA-AA83-4DCB-8501-DE5878CC0B8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6559CC6F-6478-4902-A4D5-F8FB6538D2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760106863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lar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Text Placeholder 8">
            <a:extLst>
              <a:ext uri="{FF2B5EF4-FFF2-40B4-BE49-F238E27FC236}">
                <a16:creationId xmlns:a16="http://schemas.microsoft.com/office/drawing/2014/main" id="{59A021DD-F549-41C3-B366-CFCBDD8599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2" name="Title Placeholder 1">
            <a:extLst>
              <a:ext uri="{FF2B5EF4-FFF2-40B4-BE49-F238E27FC236}">
                <a16:creationId xmlns:a16="http://schemas.microsoft.com/office/drawing/2014/main" id="{ECC1F342-3C5A-4884-B063-1F96DE727F3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FED540D-3BF1-4047-9D69-9C3EB9B9455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63296" y="1719072"/>
            <a:ext cx="5480304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id="{B2159D59-FAF6-4904-B82D-440C56566D86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60591" y="1714500"/>
            <a:ext cx="5480304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92413438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7334" y="2160589"/>
            <a:ext cx="4184035" cy="388077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089970" y="2160589"/>
            <a:ext cx="4184034" cy="388077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B712588-04B1-427B-82EE-E8DB90309F08}" type="datetimeFigureOut">
              <a:rPr lang="en-US" smtClean="0"/>
              <a:t>11/11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FF9F0C5-380F-41C2-899A-BAC0F0927E16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5243625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&amp;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57201" y="685801"/>
            <a:ext cx="11277599" cy="1027633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463296" y="2078281"/>
            <a:ext cx="11271504" cy="40427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/>
              <a:t>Click icon to add chart</a:t>
            </a:r>
            <a:endParaRPr lang="en-GB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463296" y="1717263"/>
            <a:ext cx="11271504" cy="357187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8CFE9674-04ED-4C53-9426-4EA385799F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50300"/>
            <a:ext cx="11265412" cy="335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4B6E095B-6E26-41E6-AFC8-FF16F0C3C86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457201" y="6121016"/>
            <a:ext cx="11277599" cy="241685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97265270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hart Placeholder 2"/>
          <p:cNvSpPr>
            <a:spLocks noGrp="1"/>
          </p:cNvSpPr>
          <p:nvPr>
            <p:ph type="chart" sz="quarter" idx="21"/>
          </p:nvPr>
        </p:nvSpPr>
        <p:spPr>
          <a:xfrm>
            <a:off x="6256871" y="2137713"/>
            <a:ext cx="5480304" cy="398330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256871" y="1719074"/>
            <a:ext cx="5480304" cy="405940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463297" y="6121016"/>
            <a:ext cx="11273879" cy="241685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800"/>
            </a:lvl1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CD00439A-130B-4E04-85CB-DABD856B2FA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33B9B3F6-9F40-4388-9B79-8E0961AD2B9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81AD6F48-ECFC-4B93-B043-AEA877E0937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63296" y="1719073"/>
            <a:ext cx="5480304" cy="4401943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130499404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254379" y="1719073"/>
            <a:ext cx="5486516" cy="405939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457201" y="6121016"/>
            <a:ext cx="11277599" cy="241685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9" name="Chart Placeholder 2"/>
          <p:cNvSpPr>
            <a:spLocks noGrp="1"/>
          </p:cNvSpPr>
          <p:nvPr>
            <p:ph type="chart" sz="quarter" idx="24"/>
          </p:nvPr>
        </p:nvSpPr>
        <p:spPr>
          <a:xfrm>
            <a:off x="460271" y="2125011"/>
            <a:ext cx="5480304" cy="399600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/>
              <a:t>Click icon to add chart</a:t>
            </a:r>
            <a:endParaRPr lang="en-GB" dirty="0"/>
          </a:p>
        </p:txBody>
      </p:sp>
      <p:sp>
        <p:nvSpPr>
          <p:cNvPr id="12" name="Text Placeholder 5"/>
          <p:cNvSpPr>
            <a:spLocks noGrp="1"/>
          </p:cNvSpPr>
          <p:nvPr>
            <p:ph type="body" sz="quarter" idx="25"/>
          </p:nvPr>
        </p:nvSpPr>
        <p:spPr>
          <a:xfrm>
            <a:off x="463296" y="1719073"/>
            <a:ext cx="5480304" cy="405939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11" name="Chart Placeholder 2">
            <a:extLst>
              <a:ext uri="{FF2B5EF4-FFF2-40B4-BE49-F238E27FC236}">
                <a16:creationId xmlns:a16="http://schemas.microsoft.com/office/drawing/2014/main" id="{F1BD57FD-600D-430A-AB0C-89DFCC950E21}"/>
              </a:ext>
            </a:extLst>
          </p:cNvPr>
          <p:cNvSpPr>
            <a:spLocks noGrp="1"/>
          </p:cNvSpPr>
          <p:nvPr>
            <p:ph type="chart" sz="quarter" idx="26"/>
          </p:nvPr>
        </p:nvSpPr>
        <p:spPr>
          <a:xfrm>
            <a:off x="6248403" y="2125011"/>
            <a:ext cx="5486397" cy="3996000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/>
              <a:t>Click icon to add chart</a:t>
            </a:r>
            <a:endParaRPr lang="en-GB" dirty="0"/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ACD26822-93FD-4865-A5E4-053695247E8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Title Placeholder 1">
            <a:extLst>
              <a:ext uri="{FF2B5EF4-FFF2-40B4-BE49-F238E27FC236}">
                <a16:creationId xmlns:a16="http://schemas.microsoft.com/office/drawing/2014/main" id="{B7DE9340-98F1-4431-9CA2-BA6425441E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50700169"/>
      </p:ext>
    </p:extLst>
  </p:cSld>
  <p:clrMapOvr>
    <a:masterClrMapping/>
  </p:clrMapOvr>
  <p:transition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6"/>
          </p:nvPr>
        </p:nvSpPr>
        <p:spPr>
          <a:xfrm>
            <a:off x="5450349" y="1718455"/>
            <a:ext cx="6290545" cy="4716463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7" name="Text Placeholder 8">
            <a:extLst>
              <a:ext uri="{FF2B5EF4-FFF2-40B4-BE49-F238E27FC236}">
                <a16:creationId xmlns:a16="http://schemas.microsoft.com/office/drawing/2014/main" id="{834EAC11-4B6F-4989-ADAB-DCA27D91F55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615E83D0-63FA-4C06-8888-31EF80337E8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93F994E-D5B3-4236-9E8D-771F764DB8E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63296" y="1714500"/>
            <a:ext cx="4413504" cy="46482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>
                <a:latin typeface="+mn-lt"/>
              </a:defRPr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+mj-lt"/>
              </a:defRPr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+mn-lt"/>
              </a:defRPr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+mn-lt"/>
              </a:defRPr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+mn-lt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213294319"/>
      </p:ext>
    </p:extLst>
  </p:cSld>
  <p:clrMapOvr>
    <a:masterClrMapping/>
  </p:clrMapOvr>
  <p:transition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ntent with quot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8192978" y="1737504"/>
            <a:ext cx="3547917" cy="4644248"/>
          </a:xfrm>
          <a:prstGeom prst="rect">
            <a:avLst/>
          </a:prstGeom>
        </p:spPr>
        <p:txBody>
          <a:bodyPr>
            <a:noAutofit/>
          </a:bodyPr>
          <a:lstStyle>
            <a:lvl1pPr>
              <a:tabLst>
                <a:tab pos="3771900" algn="r"/>
              </a:tabLst>
              <a:defRPr sz="1800">
                <a:solidFill>
                  <a:schemeClr val="accent3"/>
                </a:solidFill>
              </a:defRPr>
            </a:lvl1pPr>
            <a:lvl2pPr>
              <a:tabLst>
                <a:tab pos="3771900" algn="r"/>
              </a:tabLst>
              <a:defRPr/>
            </a:lvl2pPr>
            <a:lvl3pPr>
              <a:tabLst>
                <a:tab pos="3771900" algn="r"/>
              </a:tabLst>
              <a:defRPr/>
            </a:lvl3pPr>
            <a:lvl4pPr>
              <a:tabLst>
                <a:tab pos="3771900" algn="r"/>
              </a:tabLst>
              <a:defRPr/>
            </a:lvl4pPr>
            <a:lvl5pPr>
              <a:tabLst>
                <a:tab pos="3771900" algn="r"/>
              </a:tabLst>
              <a:defRPr baseline="0"/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6"/>
          </p:nvPr>
        </p:nvSpPr>
        <p:spPr>
          <a:xfrm>
            <a:off x="473296" y="1718454"/>
            <a:ext cx="7400704" cy="4644247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900" algn="r"/>
              </a:tabLst>
              <a:defRPr sz="1200"/>
            </a:lvl1pPr>
            <a:lvl2pPr marL="104775" indent="-104775" algn="l"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22860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352425" indent="-104775" algn="l"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476250" indent="-104775" algn="l"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7" name="Text Placeholder 8">
            <a:extLst>
              <a:ext uri="{FF2B5EF4-FFF2-40B4-BE49-F238E27FC236}">
                <a16:creationId xmlns:a16="http://schemas.microsoft.com/office/drawing/2014/main" id="{D58FC9CF-4F37-4309-BF5F-E64AE49426F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6999054A-E358-4B12-B841-DE440A68D9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352232855"/>
      </p:ext>
    </p:extLst>
  </p:cSld>
  <p:clrMapOvr>
    <a:masterClrMapping/>
  </p:clrMapOvr>
  <p:transition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Chart Placeholder 3"/>
          <p:cNvSpPr>
            <a:spLocks noGrp="1"/>
          </p:cNvSpPr>
          <p:nvPr>
            <p:ph type="chart" sz="quarter" idx="15"/>
          </p:nvPr>
        </p:nvSpPr>
        <p:spPr>
          <a:xfrm>
            <a:off x="461468" y="2115797"/>
            <a:ext cx="3549549" cy="4005216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459119" y="1722943"/>
            <a:ext cx="3549549" cy="39211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12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461468" y="6121016"/>
            <a:ext cx="11277600" cy="241685"/>
          </a:xfrm>
        </p:spPr>
        <p:txBody>
          <a:bodyPr>
            <a:noAutofit/>
          </a:bodyPr>
          <a:lstStyle>
            <a:lvl1pPr>
              <a:spcAft>
                <a:spcPts val="0"/>
              </a:spcAft>
              <a:defRPr sz="900"/>
            </a:lvl1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19" name="Chart Placeholder 3">
            <a:extLst>
              <a:ext uri="{FF2B5EF4-FFF2-40B4-BE49-F238E27FC236}">
                <a16:creationId xmlns:a16="http://schemas.microsoft.com/office/drawing/2014/main" id="{16889619-7368-4B21-B502-003FD717C954}"/>
              </a:ext>
            </a:extLst>
          </p:cNvPr>
          <p:cNvSpPr>
            <a:spLocks noGrp="1"/>
          </p:cNvSpPr>
          <p:nvPr>
            <p:ph type="chart" sz="quarter" idx="24"/>
          </p:nvPr>
        </p:nvSpPr>
        <p:spPr>
          <a:xfrm>
            <a:off x="4323575" y="2115798"/>
            <a:ext cx="3549549" cy="4005216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20" name="Text Placeholder 8">
            <a:extLst>
              <a:ext uri="{FF2B5EF4-FFF2-40B4-BE49-F238E27FC236}">
                <a16:creationId xmlns:a16="http://schemas.microsoft.com/office/drawing/2014/main" id="{7536B633-26E6-47E5-A809-A97D26199C4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321226" y="1722944"/>
            <a:ext cx="3549549" cy="39211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1" name="Chart Placeholder 3">
            <a:extLst>
              <a:ext uri="{FF2B5EF4-FFF2-40B4-BE49-F238E27FC236}">
                <a16:creationId xmlns:a16="http://schemas.microsoft.com/office/drawing/2014/main" id="{B4691CB5-FF7F-4DAF-80B3-769541086497}"/>
              </a:ext>
            </a:extLst>
          </p:cNvPr>
          <p:cNvSpPr>
            <a:spLocks noGrp="1"/>
          </p:cNvSpPr>
          <p:nvPr>
            <p:ph type="chart" sz="quarter" idx="26"/>
          </p:nvPr>
        </p:nvSpPr>
        <p:spPr>
          <a:xfrm>
            <a:off x="8193695" y="2115798"/>
            <a:ext cx="3549549" cy="4005216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chart</a:t>
            </a:r>
            <a:endParaRPr lang="en-US" noProof="0" dirty="0"/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D8875204-BB59-4C5F-ABB1-D0ECEC5A0701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191346" y="1722944"/>
            <a:ext cx="3549549" cy="392112"/>
          </a:xfrm>
        </p:spPr>
        <p:txBody>
          <a:bodyPr>
            <a:noAutofit/>
          </a:bodyPr>
          <a:lstStyle>
            <a:lvl1pPr>
              <a:defRPr sz="1200"/>
            </a:lvl1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3" name="Text Placeholder 8">
            <a:extLst>
              <a:ext uri="{FF2B5EF4-FFF2-40B4-BE49-F238E27FC236}">
                <a16:creationId xmlns:a16="http://schemas.microsoft.com/office/drawing/2014/main" id="{272C8D47-97C8-4E6F-91CC-C3AB406C1C2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4" name="Title Placeholder 1">
            <a:extLst>
              <a:ext uri="{FF2B5EF4-FFF2-40B4-BE49-F238E27FC236}">
                <a16:creationId xmlns:a16="http://schemas.microsoft.com/office/drawing/2014/main" id="{D65F0445-032D-4E6A-83EC-59A2184ED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806553031"/>
      </p:ext>
    </p:extLst>
  </p:cSld>
  <p:clrMapOvr>
    <a:masterClrMapping/>
  </p:clrMapOvr>
  <p:transition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481764" y="1727251"/>
            <a:ext cx="2712000" cy="1260000"/>
          </a:xfrm>
        </p:spPr>
        <p:txBody>
          <a:bodyPr lIns="0" tIns="0" rIns="0" bIns="0"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5" name="Picture Placeholder 6"/>
          <p:cNvSpPr>
            <a:spLocks noGrp="1"/>
          </p:cNvSpPr>
          <p:nvPr>
            <p:ph type="pic" sz="quarter" idx="14"/>
          </p:nvPr>
        </p:nvSpPr>
        <p:spPr>
          <a:xfrm>
            <a:off x="3330040" y="1727251"/>
            <a:ext cx="2712000" cy="1260000"/>
          </a:xfrm>
        </p:spPr>
        <p:txBody>
          <a:bodyPr lIns="0" tIns="0" rIns="0" bIns="0"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6"/>
          <p:cNvSpPr>
            <a:spLocks noGrp="1"/>
          </p:cNvSpPr>
          <p:nvPr>
            <p:ph type="pic" sz="quarter" idx="15"/>
          </p:nvPr>
        </p:nvSpPr>
        <p:spPr>
          <a:xfrm>
            <a:off x="6171687" y="1727251"/>
            <a:ext cx="2712000" cy="1260000"/>
          </a:xfrm>
        </p:spPr>
        <p:txBody>
          <a:bodyPr lIns="0" tIns="0" rIns="0" bIns="0"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6"/>
          </p:nvPr>
        </p:nvSpPr>
        <p:spPr>
          <a:xfrm>
            <a:off x="9020883" y="1727251"/>
            <a:ext cx="2712000" cy="1260000"/>
          </a:xfrm>
        </p:spPr>
        <p:txBody>
          <a:bodyPr lIns="0" tIns="0" rIns="0" bIns="0">
            <a:noAutofit/>
          </a:bodyPr>
          <a:lstStyle>
            <a:lvl1pPr>
              <a:defRPr sz="1200"/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73297" y="3124200"/>
            <a:ext cx="2720468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0" name="Text Placeholder 8"/>
          <p:cNvSpPr>
            <a:spLocks noGrp="1"/>
          </p:cNvSpPr>
          <p:nvPr>
            <p:ph type="body" sz="quarter" idx="18"/>
          </p:nvPr>
        </p:nvSpPr>
        <p:spPr>
          <a:xfrm>
            <a:off x="6171687" y="3120553"/>
            <a:ext cx="2712000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9"/>
          </p:nvPr>
        </p:nvSpPr>
        <p:spPr>
          <a:xfrm>
            <a:off x="3330040" y="3124202"/>
            <a:ext cx="2712000" cy="3238499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8"/>
          <p:cNvSpPr>
            <a:spLocks noGrp="1"/>
          </p:cNvSpPr>
          <p:nvPr>
            <p:ph type="body" sz="quarter" idx="20"/>
          </p:nvPr>
        </p:nvSpPr>
        <p:spPr>
          <a:xfrm>
            <a:off x="9035701" y="3108508"/>
            <a:ext cx="2697183" cy="3254192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81DFAED1-3C69-4431-8715-026D730F1B57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548C662B-0462-4963-B666-2976F675A1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961248595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75645" y="1845377"/>
            <a:ext cx="1968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9" name="Picture Placeholder 11"/>
          <p:cNvSpPr>
            <a:spLocks noGrp="1"/>
          </p:cNvSpPr>
          <p:nvPr>
            <p:ph type="pic" sz="quarter" idx="27"/>
          </p:nvPr>
        </p:nvSpPr>
        <p:spPr>
          <a:xfrm>
            <a:off x="6266617" y="1845377"/>
            <a:ext cx="1968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0" name="Picture Placeholder 11"/>
          <p:cNvSpPr>
            <a:spLocks noGrp="1"/>
          </p:cNvSpPr>
          <p:nvPr>
            <p:ph type="pic" sz="quarter" idx="29"/>
          </p:nvPr>
        </p:nvSpPr>
        <p:spPr>
          <a:xfrm>
            <a:off x="475645" y="4256213"/>
            <a:ext cx="1968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1" name="Picture Placeholder 11"/>
          <p:cNvSpPr>
            <a:spLocks noGrp="1"/>
          </p:cNvSpPr>
          <p:nvPr>
            <p:ph type="pic" sz="quarter" idx="31"/>
          </p:nvPr>
        </p:nvSpPr>
        <p:spPr>
          <a:xfrm>
            <a:off x="6266617" y="4256213"/>
            <a:ext cx="1968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655128" y="1845377"/>
            <a:ext cx="3288000" cy="1944000"/>
          </a:xfrm>
        </p:spPr>
        <p:txBody>
          <a:bodyPr>
            <a:noAutofit/>
          </a:bodyPr>
          <a:lstStyle>
            <a:lvl1pPr marL="0" indent="0" algn="l">
              <a:spcAft>
                <a:spcPts val="0"/>
              </a:spcAft>
              <a:buFontTx/>
              <a:buNone/>
              <a:defRPr sz="1200" b="1"/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 b="0"/>
            </a:lvl2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4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8439092" y="1845377"/>
            <a:ext cx="3302592" cy="1944000"/>
          </a:xfrm>
        </p:spPr>
        <p:txBody>
          <a:bodyPr>
            <a:noAutofit/>
          </a:bodyPr>
          <a:lstStyle>
            <a:lvl1pPr marL="0" indent="0" algn="l">
              <a:spcAft>
                <a:spcPts val="0"/>
              </a:spcAft>
              <a:buFontTx/>
              <a:buNone/>
              <a:defRPr sz="1200" b="1"/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 b="0"/>
            </a:lvl2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5" name="Text Placeholder 12"/>
          <p:cNvSpPr>
            <a:spLocks noGrp="1"/>
          </p:cNvSpPr>
          <p:nvPr>
            <p:ph type="body" sz="quarter" idx="34"/>
          </p:nvPr>
        </p:nvSpPr>
        <p:spPr>
          <a:xfrm>
            <a:off x="2655128" y="4256213"/>
            <a:ext cx="3288000" cy="1944000"/>
          </a:xfrm>
        </p:spPr>
        <p:txBody>
          <a:bodyPr>
            <a:noAutofit/>
          </a:bodyPr>
          <a:lstStyle>
            <a:lvl1pPr marL="0" indent="0" algn="l">
              <a:spcAft>
                <a:spcPts val="0"/>
              </a:spcAft>
              <a:buFontTx/>
              <a:buNone/>
              <a:defRPr sz="1200" b="1"/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 b="0"/>
            </a:lvl2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8439092" y="4256213"/>
            <a:ext cx="3302592" cy="1944000"/>
          </a:xfrm>
        </p:spPr>
        <p:txBody>
          <a:bodyPr>
            <a:noAutofit/>
          </a:bodyPr>
          <a:lstStyle>
            <a:lvl1pPr marL="0" indent="0" algn="l">
              <a:spcAft>
                <a:spcPts val="0"/>
              </a:spcAft>
              <a:buFontTx/>
              <a:buNone/>
              <a:defRPr sz="1200" b="1"/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 b="0"/>
            </a:lvl2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28" name="Text Placeholder 8">
            <a:extLst>
              <a:ext uri="{FF2B5EF4-FFF2-40B4-BE49-F238E27FC236}">
                <a16:creationId xmlns:a16="http://schemas.microsoft.com/office/drawing/2014/main" id="{CD54EF50-1F75-4251-9838-5413705270C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9" name="Title Placeholder 1">
            <a:extLst>
              <a:ext uri="{FF2B5EF4-FFF2-40B4-BE49-F238E27FC236}">
                <a16:creationId xmlns:a16="http://schemas.microsoft.com/office/drawing/2014/main" id="{580152B0-65C5-4969-BA13-FFC077318B8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DAFD084-463A-44C6-B882-24EE18CC2B98}"/>
              </a:ext>
            </a:extLst>
          </p:cNvPr>
          <p:cNvSpPr/>
          <p:nvPr userDrawn="1"/>
        </p:nvSpPr>
        <p:spPr>
          <a:xfrm>
            <a:off x="470343" y="1715425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1E7FDC9-AC67-4CA4-86DE-4DFAAEE0DFF9}"/>
              </a:ext>
            </a:extLst>
          </p:cNvPr>
          <p:cNvSpPr/>
          <p:nvPr userDrawn="1"/>
        </p:nvSpPr>
        <p:spPr>
          <a:xfrm>
            <a:off x="6246196" y="1718774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E0BFD11F-868A-4204-947B-D205C842DFE0}"/>
              </a:ext>
            </a:extLst>
          </p:cNvPr>
          <p:cNvSpPr/>
          <p:nvPr userDrawn="1"/>
        </p:nvSpPr>
        <p:spPr>
          <a:xfrm>
            <a:off x="470343" y="4126942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DCD1FA4C-A499-4E17-B3FC-CC3DA6E8CF7C}"/>
              </a:ext>
            </a:extLst>
          </p:cNvPr>
          <p:cNvSpPr/>
          <p:nvPr userDrawn="1"/>
        </p:nvSpPr>
        <p:spPr>
          <a:xfrm>
            <a:off x="6246196" y="4130291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7951637"/>
      </p:ext>
    </p:extLst>
  </p:cSld>
  <p:clrMapOvr>
    <a:masterClrMapping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lifications 2 x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8"/>
          <p:cNvSpPr>
            <a:spLocks noGrp="1"/>
          </p:cNvSpPr>
          <p:nvPr>
            <p:ph type="body" sz="quarter" idx="17"/>
          </p:nvPr>
        </p:nvSpPr>
        <p:spPr>
          <a:xfrm>
            <a:off x="470343" y="1857892"/>
            <a:ext cx="5486400" cy="4504808"/>
          </a:xfrm>
        </p:spPr>
        <p:txBody>
          <a:bodyPr>
            <a:noAutofit/>
          </a:bodyPr>
          <a:lstStyle>
            <a:lvl1pPr marL="0" indent="0" algn="l">
              <a:spcAft>
                <a:spcPts val="750"/>
              </a:spcAft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1"/>
          </p:nvPr>
        </p:nvSpPr>
        <p:spPr>
          <a:xfrm>
            <a:off x="6246195" y="1857892"/>
            <a:ext cx="5486400" cy="4504808"/>
          </a:xfrm>
        </p:spPr>
        <p:txBody>
          <a:bodyPr>
            <a:noAutofit/>
          </a:bodyPr>
          <a:lstStyle>
            <a:lvl1pPr marL="0" indent="0" algn="l">
              <a:spcAft>
                <a:spcPts val="750"/>
              </a:spcAft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Rectangle 3"/>
          <p:cNvSpPr/>
          <p:nvPr userDrawn="1"/>
        </p:nvSpPr>
        <p:spPr>
          <a:xfrm>
            <a:off x="470343" y="1715425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6246196" y="1718774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6" name="Picture Placeholder 29"/>
          <p:cNvSpPr>
            <a:spLocks noGrp="1"/>
          </p:cNvSpPr>
          <p:nvPr>
            <p:ph type="pic" sz="quarter" idx="19" hasCustomPrompt="1"/>
          </p:nvPr>
        </p:nvSpPr>
        <p:spPr>
          <a:xfrm>
            <a:off x="4734090" y="1857894"/>
            <a:ext cx="1210207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noProof="0" dirty="0">
                <a:solidFill>
                  <a:schemeClr val="bg1"/>
                </a:solidFill>
              </a:rPr>
              <a:t>Co-brand</a:t>
            </a:r>
            <a:br>
              <a:rPr lang="en-US" sz="900" noProof="0" dirty="0">
                <a:solidFill>
                  <a:schemeClr val="bg1"/>
                </a:solidFill>
              </a:rPr>
            </a:br>
            <a:r>
              <a:rPr lang="en-US" sz="9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7" name="Picture Placeholder 29"/>
          <p:cNvSpPr>
            <a:spLocks noGrp="1"/>
          </p:cNvSpPr>
          <p:nvPr>
            <p:ph type="pic" sz="quarter" idx="20" hasCustomPrompt="1"/>
          </p:nvPr>
        </p:nvSpPr>
        <p:spPr>
          <a:xfrm>
            <a:off x="10488434" y="1857894"/>
            <a:ext cx="1244161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noProof="0" dirty="0">
                <a:solidFill>
                  <a:schemeClr val="bg1"/>
                </a:solidFill>
              </a:rPr>
              <a:t>Co-brand</a:t>
            </a:r>
            <a:br>
              <a:rPr lang="en-US" sz="900" noProof="0" dirty="0">
                <a:solidFill>
                  <a:schemeClr val="bg1"/>
                </a:solidFill>
              </a:rPr>
            </a:br>
            <a:r>
              <a:rPr lang="en-US" sz="900" noProof="0" dirty="0">
                <a:solidFill>
                  <a:schemeClr val="bg1"/>
                </a:solidFill>
              </a:rPr>
              <a:t>Logo</a:t>
            </a:r>
          </a:p>
          <a:p>
            <a:endParaRPr lang="en-US" noProof="0" dirty="0"/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C2FDA775-7453-495D-ABC5-C379E37806B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Title Placeholder 1">
            <a:extLst>
              <a:ext uri="{FF2B5EF4-FFF2-40B4-BE49-F238E27FC236}">
                <a16:creationId xmlns:a16="http://schemas.microsoft.com/office/drawing/2014/main" id="{D55BC33C-2B71-4E68-81E3-F520AB4629F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39384122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8">
            <a:extLst>
              <a:ext uri="{FF2B5EF4-FFF2-40B4-BE49-F238E27FC236}">
                <a16:creationId xmlns:a16="http://schemas.microsoft.com/office/drawing/2014/main" id="{8D89C7E6-37F5-4005-B8BE-658A5ADDE29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0FA13130-E22F-4F71-97DB-A64E7A175E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952966141"/>
      </p:ext>
    </p:extLst>
  </p:cSld>
  <p:clrMapOvr>
    <a:masterClrMapping/>
  </p:clrMapOvr>
  <p:transition>
    <p:fade/>
  </p:transition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5745" y="2160983"/>
            <a:ext cx="418562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5745" y="2737245"/>
            <a:ext cx="4185623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88383" y="2160983"/>
            <a:ext cx="418561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088384" y="2737245"/>
            <a:ext cx="4185617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78392184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26FB2E4B-5D1B-4250-844C-3D50DE4A9F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486028645"/>
      </p:ext>
    </p:extLst>
  </p:cSld>
  <p:clrMapOvr>
    <a:masterClrMapping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-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2AA0174D-B09C-4960-94D1-79FD4D04BDF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696C364-9ED6-42C4-8FC2-1F9C6CB1656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478220" y="366547"/>
            <a:ext cx="5465380" cy="484791"/>
          </a:xfrm>
        </p:spPr>
        <p:txBody>
          <a:bodyPr>
            <a:noAutofit/>
          </a:bodyPr>
          <a:lstStyle>
            <a:lvl1pPr>
              <a:defRPr sz="3200" b="1">
                <a:latin typeface="+mj-lt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6" name="Text Placeholder 4">
            <a:extLst>
              <a:ext uri="{FF2B5EF4-FFF2-40B4-BE49-F238E27FC236}">
                <a16:creationId xmlns:a16="http://schemas.microsoft.com/office/drawing/2014/main" id="{AD421831-C244-4DE0-8DE2-755D7D7315B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78220" y="851339"/>
            <a:ext cx="5465380" cy="863162"/>
          </a:xfrm>
        </p:spPr>
        <p:txBody>
          <a:bodyPr>
            <a:noAutofit/>
          </a:bodyPr>
          <a:lstStyle>
            <a:lvl1pPr>
              <a:defRPr sz="3200" b="0">
                <a:latin typeface="+mj-lt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en-US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242920160"/>
      </p:ext>
    </p:extLst>
  </p:cSld>
  <p:clrMapOvr>
    <a:masterClrMapping/>
  </p:clrMapOvr>
  <p:transition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8"/>
          <p:cNvSpPr>
            <a:spLocks noGrp="1"/>
          </p:cNvSpPr>
          <p:nvPr>
            <p:ph idx="1"/>
          </p:nvPr>
        </p:nvSpPr>
        <p:spPr>
          <a:xfrm>
            <a:off x="461823" y="1714500"/>
            <a:ext cx="11277600" cy="46672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286787945"/>
      </p:ext>
    </p:extLst>
  </p:cSld>
  <p:clrMapOvr>
    <a:masterClrMapping/>
  </p:clrMapOvr>
  <p:transition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green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09891263-8779-41FC-9383-3693CA16CB1D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458730" y="1851440"/>
            <a:ext cx="3554471" cy="451126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3F862111-A699-4618-9902-CD7B1ECC90ED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4314826" y="1851440"/>
            <a:ext cx="3554471" cy="451126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136FEA86-C43A-4BD9-AC25-65C16B3F484C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78800" y="1851440"/>
            <a:ext cx="3556000" cy="451126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9D600A6A-61E2-4C72-A87B-39D905EFB4BC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9" name="Title Placeholder 1">
            <a:extLst>
              <a:ext uri="{FF2B5EF4-FFF2-40B4-BE49-F238E27FC236}">
                <a16:creationId xmlns:a16="http://schemas.microsoft.com/office/drawing/2014/main" id="{D5910C4A-3157-47A5-8677-1140132DE3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21E1916-39D6-44A9-8C07-60C8660A0953}"/>
              </a:ext>
            </a:extLst>
          </p:cNvPr>
          <p:cNvSpPr/>
          <p:nvPr userDrawn="1"/>
        </p:nvSpPr>
        <p:spPr>
          <a:xfrm>
            <a:off x="458729" y="1715425"/>
            <a:ext cx="3560064" cy="5486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F2178E01-9486-4723-8ECD-9A89CE53905A}"/>
              </a:ext>
            </a:extLst>
          </p:cNvPr>
          <p:cNvSpPr/>
          <p:nvPr userDrawn="1"/>
        </p:nvSpPr>
        <p:spPr>
          <a:xfrm>
            <a:off x="4314824" y="1715425"/>
            <a:ext cx="3560064" cy="5486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082A3624-848D-4789-989D-4C19B95C8DD4}"/>
              </a:ext>
            </a:extLst>
          </p:cNvPr>
          <p:cNvSpPr/>
          <p:nvPr userDrawn="1"/>
        </p:nvSpPr>
        <p:spPr>
          <a:xfrm>
            <a:off x="8178800" y="1715425"/>
            <a:ext cx="3560064" cy="5486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784965274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ic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BAA35D0E-EBF0-4599-84F7-684DE89E56A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CBCDA542-DB63-41BB-89C0-73F35C7D17C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C73178E3-6490-436A-8FEB-CC4E21B542C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3297" y="3124200"/>
            <a:ext cx="2720468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1B5A2B37-A59A-4B85-9144-75BC73AD9DB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71687" y="3120553"/>
            <a:ext cx="2712000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0EDB9492-A5FE-44CC-90D8-0E0E80A4E81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330040" y="3124202"/>
            <a:ext cx="2712000" cy="3238499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3D335E86-FA3A-4B76-B4D1-5D530C4E379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35701" y="3108508"/>
            <a:ext cx="2697183" cy="3254192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378745875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 column icon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aseCode">
            <a:extLst>
              <a:ext uri="{FF2B5EF4-FFF2-40B4-BE49-F238E27FC236}">
                <a16:creationId xmlns:a16="http://schemas.microsoft.com/office/drawing/2014/main" id="{676B7924-6A82-4453-9ABA-42AE71384BDC}"/>
              </a:ext>
            </a:extLst>
          </p:cNvPr>
          <p:cNvSpPr txBox="1"/>
          <p:nvPr userDrawn="1"/>
        </p:nvSpPr>
        <p:spPr>
          <a:xfrm>
            <a:off x="6335184" y="6477002"/>
            <a:ext cx="4896560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US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ED0B00A8-5B86-4AFE-8884-819CF7356AAE}"/>
              </a:ext>
            </a:extLst>
          </p:cNvPr>
          <p:cNvSpPr txBox="1"/>
          <p:nvPr userDrawn="1"/>
        </p:nvSpPr>
        <p:spPr>
          <a:xfrm>
            <a:off x="501649" y="6477003"/>
            <a:ext cx="5355168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675" noProof="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DCBBEDB2-39B5-4D4C-AA82-85ED607FAC3B}"/>
              </a:ext>
            </a:extLst>
          </p:cNvPr>
          <p:cNvSpPr txBox="1"/>
          <p:nvPr userDrawn="1"/>
        </p:nvSpPr>
        <p:spPr>
          <a:xfrm>
            <a:off x="11382378" y="6477003"/>
            <a:ext cx="307975" cy="1038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75" noProof="0" smtClean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675" noProof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5BECBA53-5CA5-4826-B507-38E5EDBC493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83571CF0-9FB3-44B1-BE19-B891DD1B11A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CA32CD74-2C13-40B4-A25F-8871032067F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3297" y="3124200"/>
            <a:ext cx="2720468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bg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</a:defRPr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</a:defRPr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</a:defRPr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>
                <a:solidFill>
                  <a:schemeClr val="bg1"/>
                </a:solidFill>
              </a:defRPr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9" name="Text Placeholder 8">
            <a:extLst>
              <a:ext uri="{FF2B5EF4-FFF2-40B4-BE49-F238E27FC236}">
                <a16:creationId xmlns:a16="http://schemas.microsoft.com/office/drawing/2014/main" id="{0BD8344B-373A-4CA8-9F91-E02B0DA48BC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71687" y="3120553"/>
            <a:ext cx="2712000" cy="323850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bg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</a:defRPr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</a:defRPr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</a:defRPr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>
                <a:solidFill>
                  <a:schemeClr val="bg1"/>
                </a:solidFill>
              </a:defRPr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8">
            <a:extLst>
              <a:ext uri="{FF2B5EF4-FFF2-40B4-BE49-F238E27FC236}">
                <a16:creationId xmlns:a16="http://schemas.microsoft.com/office/drawing/2014/main" id="{55636606-D676-4661-AF12-C0DF71DF3A7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330040" y="3124202"/>
            <a:ext cx="2712000" cy="3238499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bg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</a:defRPr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</a:defRPr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</a:defRPr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>
                <a:solidFill>
                  <a:schemeClr val="bg1"/>
                </a:solidFill>
              </a:defRPr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8">
            <a:extLst>
              <a:ext uri="{FF2B5EF4-FFF2-40B4-BE49-F238E27FC236}">
                <a16:creationId xmlns:a16="http://schemas.microsoft.com/office/drawing/2014/main" id="{59A4F706-D410-4A3E-B5DE-E6CD51845EA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35701" y="3108508"/>
            <a:ext cx="2697183" cy="3254192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bg1"/>
                </a:solidFill>
              </a:defRPr>
            </a:lvl1pPr>
            <a:lvl2pPr marL="10477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•"/>
              <a:defRPr sz="1200">
                <a:solidFill>
                  <a:schemeClr val="bg1"/>
                </a:solidFill>
              </a:defRPr>
            </a:lvl2pPr>
            <a:lvl3pPr marL="22860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>
                <a:solidFill>
                  <a:schemeClr val="bg1"/>
                </a:solidFill>
              </a:defRPr>
            </a:lvl3pPr>
            <a:lvl4pPr marL="352425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◦"/>
              <a:defRPr sz="1200">
                <a:solidFill>
                  <a:schemeClr val="bg1"/>
                </a:solidFill>
              </a:defRPr>
            </a:lvl4pPr>
            <a:lvl5pPr marL="476250" indent="-104775" algn="l">
              <a:spcAft>
                <a:spcPts val="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>
                <a:solidFill>
                  <a:schemeClr val="bg1"/>
                </a:solidFill>
              </a:defRPr>
            </a:lvl5pPr>
            <a:lvl6pPr marL="267300" indent="-132300">
              <a:spcAft>
                <a:spcPts val="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0"/>
              </a:spcAft>
              <a:defRPr/>
            </a:lvl7pPr>
            <a:lvl8pPr marL="267300" indent="-132300">
              <a:spcAft>
                <a:spcPts val="0"/>
              </a:spcAft>
              <a:defRPr/>
            </a:lvl8pPr>
            <a:lvl9pPr marL="267300" indent="-132300">
              <a:spcAft>
                <a:spcPts val="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465369727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lifications 2 x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9"/>
          <p:cNvSpPr>
            <a:spLocks noGrp="1"/>
          </p:cNvSpPr>
          <p:nvPr>
            <p:ph type="pic" sz="quarter" idx="20" hasCustomPrompt="1"/>
          </p:nvPr>
        </p:nvSpPr>
        <p:spPr>
          <a:xfrm>
            <a:off x="10485324" y="1853601"/>
            <a:ext cx="1244161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dirty="0">
                <a:solidFill>
                  <a:schemeClr val="bg1"/>
                </a:solidFill>
              </a:rPr>
              <a:t>Co-brand</a:t>
            </a:r>
            <a:br>
              <a:rPr lang="en-US" sz="900" dirty="0">
                <a:solidFill>
                  <a:schemeClr val="bg1"/>
                </a:solidFill>
              </a:rPr>
            </a:br>
            <a:r>
              <a:rPr lang="en-US" sz="9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14" name="Picture Placeholder 29"/>
          <p:cNvSpPr>
            <a:spLocks noGrp="1"/>
          </p:cNvSpPr>
          <p:nvPr>
            <p:ph type="pic" sz="quarter" idx="24" hasCustomPrompt="1"/>
          </p:nvPr>
        </p:nvSpPr>
        <p:spPr>
          <a:xfrm>
            <a:off x="4702979" y="4258270"/>
            <a:ext cx="1239381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dirty="0">
                <a:solidFill>
                  <a:schemeClr val="bg1"/>
                </a:solidFill>
              </a:rPr>
              <a:t>Co-brand</a:t>
            </a:r>
            <a:br>
              <a:rPr lang="en-US" sz="900" dirty="0">
                <a:solidFill>
                  <a:schemeClr val="bg1"/>
                </a:solidFill>
              </a:rPr>
            </a:br>
            <a:r>
              <a:rPr lang="en-US" sz="9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15" name="Picture Placeholder 29"/>
          <p:cNvSpPr>
            <a:spLocks noGrp="1"/>
          </p:cNvSpPr>
          <p:nvPr>
            <p:ph type="pic" sz="quarter" idx="25" hasCustomPrompt="1"/>
          </p:nvPr>
        </p:nvSpPr>
        <p:spPr>
          <a:xfrm>
            <a:off x="10500785" y="4258270"/>
            <a:ext cx="1244160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dirty="0">
                <a:solidFill>
                  <a:schemeClr val="bg1"/>
                </a:solidFill>
              </a:rPr>
              <a:t>Co-brand</a:t>
            </a:r>
            <a:br>
              <a:rPr lang="en-US" sz="900" dirty="0">
                <a:solidFill>
                  <a:schemeClr val="bg1"/>
                </a:solidFill>
              </a:rPr>
            </a:br>
            <a:r>
              <a:rPr lang="en-US" sz="9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17" name="Picture Placeholder 29"/>
          <p:cNvSpPr>
            <a:spLocks noGrp="1"/>
          </p:cNvSpPr>
          <p:nvPr>
            <p:ph type="pic" sz="quarter" idx="19" hasCustomPrompt="1"/>
          </p:nvPr>
        </p:nvSpPr>
        <p:spPr>
          <a:xfrm>
            <a:off x="4735149" y="1857894"/>
            <a:ext cx="1210207" cy="549275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50"/>
              </a:spcAft>
              <a:buClrTx/>
              <a:buSzTx/>
              <a:buFont typeface="Arial" panose="020B0604020202020204" pitchFamily="34" charset="0"/>
              <a:buNone/>
              <a:tabLst/>
              <a:defRPr sz="675"/>
            </a:lvl1pPr>
          </a:lstStyle>
          <a:p>
            <a:pPr>
              <a:spcBef>
                <a:spcPct val="0"/>
              </a:spcBef>
            </a:pPr>
            <a:r>
              <a:rPr lang="en-US" sz="900" dirty="0">
                <a:solidFill>
                  <a:schemeClr val="bg1"/>
                </a:solidFill>
              </a:rPr>
              <a:t>Co-brand</a:t>
            </a:r>
            <a:br>
              <a:rPr lang="en-US" sz="900" dirty="0">
                <a:solidFill>
                  <a:schemeClr val="bg1"/>
                </a:solidFill>
              </a:rPr>
            </a:br>
            <a:r>
              <a:rPr lang="en-US" sz="900" dirty="0">
                <a:solidFill>
                  <a:schemeClr val="bg1"/>
                </a:solidFill>
              </a:rPr>
              <a:t>Logo</a:t>
            </a:r>
          </a:p>
          <a:p>
            <a:endParaRPr lang="en-GB" dirty="0"/>
          </a:p>
        </p:txBody>
      </p:sp>
      <p:sp>
        <p:nvSpPr>
          <p:cNvPr id="28" name="Text Placeholder 8">
            <a:extLst>
              <a:ext uri="{FF2B5EF4-FFF2-40B4-BE49-F238E27FC236}">
                <a16:creationId xmlns:a16="http://schemas.microsoft.com/office/drawing/2014/main" id="{0D485CFD-E778-438B-9F95-AA857AF5CAC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0344" y="1856232"/>
            <a:ext cx="5473257" cy="169545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8">
            <a:extLst>
              <a:ext uri="{FF2B5EF4-FFF2-40B4-BE49-F238E27FC236}">
                <a16:creationId xmlns:a16="http://schemas.microsoft.com/office/drawing/2014/main" id="{1995C2BA-4183-48F4-92D9-4620CCDF5C1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6257042" y="1847618"/>
            <a:ext cx="5464615" cy="169545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0" name="Text Placeholder 8">
            <a:extLst>
              <a:ext uri="{FF2B5EF4-FFF2-40B4-BE49-F238E27FC236}">
                <a16:creationId xmlns:a16="http://schemas.microsoft.com/office/drawing/2014/main" id="{2DC3B9DA-0A51-491C-923B-09D36118ADA0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70344" y="4256623"/>
            <a:ext cx="5473257" cy="169545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70BD43BA-DF89-409F-B9BF-2853EC358260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257043" y="4256623"/>
            <a:ext cx="5483852" cy="1695450"/>
          </a:xfrm>
        </p:spPr>
        <p:txBody>
          <a:bodyPr>
            <a:noAutofit/>
          </a:bodyPr>
          <a:lstStyle>
            <a:lvl1pPr marL="0" indent="0" algn="l">
              <a:buFontTx/>
              <a:buNone/>
              <a:defRPr sz="1200" b="1">
                <a:solidFill>
                  <a:schemeClr val="accent1"/>
                </a:solidFill>
              </a:defRPr>
            </a:lvl1pPr>
            <a:lvl2pPr marL="10477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•"/>
              <a:defRPr sz="1200"/>
            </a:lvl2pPr>
            <a:lvl3pPr marL="22860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/>
            </a:lvl3pPr>
            <a:lvl4pPr marL="352425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◦"/>
              <a:defRPr sz="1200"/>
            </a:lvl4pPr>
            <a:lvl5pPr marL="476250" indent="-104775" algn="l">
              <a:spcAft>
                <a:spcPts val="750"/>
              </a:spcAft>
              <a:buClrTx/>
              <a:buSzPct val="100000"/>
              <a:buFont typeface="Arial" panose="020B0604020202020204" pitchFamily="34" charset="0"/>
              <a:buChar char="−"/>
              <a:defRPr sz="1200" baseline="0"/>
            </a:lvl5pPr>
            <a:lvl6pPr marL="267300" indent="-132300">
              <a:spcAft>
                <a:spcPts val="750"/>
              </a:spcAft>
              <a:buFont typeface="Verdana" panose="020B0604030504040204" pitchFamily="34" charset="0"/>
              <a:buChar char="−"/>
              <a:defRPr/>
            </a:lvl6pPr>
            <a:lvl7pPr marL="267300" indent="-132300">
              <a:spcAft>
                <a:spcPts val="750"/>
              </a:spcAft>
              <a:defRPr/>
            </a:lvl7pPr>
            <a:lvl8pPr marL="267300" indent="-132300">
              <a:spcAft>
                <a:spcPts val="750"/>
              </a:spcAft>
              <a:defRPr/>
            </a:lvl8pPr>
            <a:lvl9pPr marL="267300" indent="-132300">
              <a:spcAft>
                <a:spcPts val="750"/>
              </a:spcAft>
              <a:defRPr/>
            </a:lvl9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E3C8C216-A0D5-48CE-BB18-6E34DE5AE09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8" name="Title Placeholder 1">
            <a:extLst>
              <a:ext uri="{FF2B5EF4-FFF2-40B4-BE49-F238E27FC236}">
                <a16:creationId xmlns:a16="http://schemas.microsoft.com/office/drawing/2014/main" id="{A6B3ABAE-3971-4ECC-8E25-1E94617FBF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D3E3D5E-69E0-409C-B43B-3D03BAF8E640}"/>
              </a:ext>
            </a:extLst>
          </p:cNvPr>
          <p:cNvSpPr/>
          <p:nvPr userDrawn="1"/>
        </p:nvSpPr>
        <p:spPr>
          <a:xfrm>
            <a:off x="470343" y="1715425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8AC51DC9-50A0-4091-8F6F-9150D453B6B1}"/>
              </a:ext>
            </a:extLst>
          </p:cNvPr>
          <p:cNvSpPr/>
          <p:nvPr userDrawn="1"/>
        </p:nvSpPr>
        <p:spPr>
          <a:xfrm>
            <a:off x="6246196" y="1718774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A118D7C8-CEED-48A7-ADB2-7610B12C1B07}"/>
              </a:ext>
            </a:extLst>
          </p:cNvPr>
          <p:cNvSpPr/>
          <p:nvPr userDrawn="1"/>
        </p:nvSpPr>
        <p:spPr>
          <a:xfrm>
            <a:off x="470343" y="4126942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7A403C2-4204-4E69-B696-73BE1FE1F740}"/>
              </a:ext>
            </a:extLst>
          </p:cNvPr>
          <p:cNvSpPr/>
          <p:nvPr userDrawn="1"/>
        </p:nvSpPr>
        <p:spPr>
          <a:xfrm>
            <a:off x="6246196" y="4130291"/>
            <a:ext cx="5486400" cy="53044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Aft>
                <a:spcPts val="750"/>
              </a:spcAft>
            </a:pPr>
            <a:endParaRPr lang="en-US" sz="825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57939561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>
          <a:xfrm>
            <a:off x="464481" y="4189870"/>
            <a:ext cx="8566108" cy="2169796"/>
          </a:xfrm>
        </p:spPr>
        <p:txBody>
          <a:bodyPr anchor="b" anchorCtr="0">
            <a:normAutofit/>
          </a:bodyPr>
          <a:lstStyle>
            <a:lvl1pPr>
              <a:lnSpc>
                <a:spcPct val="100000"/>
              </a:lnSpc>
              <a:spcAft>
                <a:spcPts val="450"/>
              </a:spcAft>
              <a:defRPr sz="800"/>
            </a:lvl1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7" name="TextBox 21">
            <a:extLst>
              <a:ext uri="{FF2B5EF4-FFF2-40B4-BE49-F238E27FC236}">
                <a16:creationId xmlns:a16="http://schemas.microsoft.com/office/drawing/2014/main" id="{BA2B33D3-3A83-514A-8FEC-05BC3C2506E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9900" y="254913"/>
            <a:ext cx="2849372" cy="8617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9pPr>
          </a:lstStyle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Studio Tributario </a:t>
            </a:r>
          </a:p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 Societario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AFF98602-CB8D-C244-AB28-DC821CFBBC4D}"/>
              </a:ext>
            </a:extLst>
          </p:cNvPr>
          <p:cNvGrpSpPr/>
          <p:nvPr userDrawn="1"/>
        </p:nvGrpSpPr>
        <p:grpSpPr>
          <a:xfrm>
            <a:off x="10519323" y="6132380"/>
            <a:ext cx="1211518" cy="23032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10" name="Oval 5">
              <a:extLst>
                <a:ext uri="{FF2B5EF4-FFF2-40B4-BE49-F238E27FC236}">
                  <a16:creationId xmlns:a16="http://schemas.microsoft.com/office/drawing/2014/main" id="{365FC668-96B2-DE4E-923F-A74A0C99BD4F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11" name="Freeform 6">
              <a:extLst>
                <a:ext uri="{FF2B5EF4-FFF2-40B4-BE49-F238E27FC236}">
                  <a16:creationId xmlns:a16="http://schemas.microsoft.com/office/drawing/2014/main" id="{7DB3F7CF-B058-7A48-960B-E1F4D0D66F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solidFill>
              <a:srgbClr val="000000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12" name="Rectangle 7">
              <a:extLst>
                <a:ext uri="{FF2B5EF4-FFF2-40B4-BE49-F238E27FC236}">
                  <a16:creationId xmlns:a16="http://schemas.microsoft.com/office/drawing/2014/main" id="{8487B4A0-C75A-814C-96BC-1F9E31F696C3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solidFill>
              <a:srgbClr val="000000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13" name="Freeform 8">
              <a:extLst>
                <a:ext uri="{FF2B5EF4-FFF2-40B4-BE49-F238E27FC236}">
                  <a16:creationId xmlns:a16="http://schemas.microsoft.com/office/drawing/2014/main" id="{564C46ED-648A-F145-BF21-968E95113F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solidFill>
              <a:srgbClr val="000000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14" name="Rectangle 9">
              <a:extLst>
                <a:ext uri="{FF2B5EF4-FFF2-40B4-BE49-F238E27FC236}">
                  <a16:creationId xmlns:a16="http://schemas.microsoft.com/office/drawing/2014/main" id="{1CC2A185-E0DF-7849-B6DB-21DE4D2EBEA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solidFill>
              <a:srgbClr val="000000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15" name="Rectangle 10">
              <a:extLst>
                <a:ext uri="{FF2B5EF4-FFF2-40B4-BE49-F238E27FC236}">
                  <a16:creationId xmlns:a16="http://schemas.microsoft.com/office/drawing/2014/main" id="{B503FD7C-408B-564D-A9F4-6F01F19419AE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solidFill>
              <a:srgbClr val="000000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631ABEB6-6B76-3C47-91AC-64FE3D20C8A5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solidFill>
              <a:srgbClr val="000000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18" name="Freeform 12">
              <a:extLst>
                <a:ext uri="{FF2B5EF4-FFF2-40B4-BE49-F238E27FC236}">
                  <a16:creationId xmlns:a16="http://schemas.microsoft.com/office/drawing/2014/main" id="{ABE8CB0B-C5F9-9649-BBD1-E6B455369D64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solidFill>
              <a:srgbClr val="000000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19" name="Freeform 13">
              <a:extLst>
                <a:ext uri="{FF2B5EF4-FFF2-40B4-BE49-F238E27FC236}">
                  <a16:creationId xmlns:a16="http://schemas.microsoft.com/office/drawing/2014/main" id="{11D740BA-5B6B-114F-BA46-51D3788BC09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solidFill>
              <a:srgbClr val="000000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20" name="Freeform 14">
              <a:extLst>
                <a:ext uri="{FF2B5EF4-FFF2-40B4-BE49-F238E27FC236}">
                  <a16:creationId xmlns:a16="http://schemas.microsoft.com/office/drawing/2014/main" id="{7C768E1D-C0B7-B84E-AE04-D7CB145162A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solidFill>
              <a:srgbClr val="000000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tx1"/>
                </a:solidFill>
                <a:latin typeface="+mn-lt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621356451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21">
            <a:extLst>
              <a:ext uri="{FF2B5EF4-FFF2-40B4-BE49-F238E27FC236}">
                <a16:creationId xmlns:a16="http://schemas.microsoft.com/office/drawing/2014/main" id="{DEDACE6D-82C2-C543-A904-F0CC81A2561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9900" y="254913"/>
            <a:ext cx="2849372" cy="8617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panose="020B0604030504040204" pitchFamily="34" charset="0"/>
              </a:defRPr>
            </a:lvl9pPr>
          </a:lstStyle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Studio Tributario </a:t>
            </a:r>
          </a:p>
          <a:p>
            <a:pPr eaLnBrk="1" hangingPunct="1">
              <a:buSzPct val="100000"/>
              <a:buFont typeface="Arial" panose="020B0604020202020204" pitchFamily="34" charset="0"/>
              <a:buNone/>
              <a:defRPr/>
            </a:pPr>
            <a:r>
              <a:rPr lang="it-IT" altLang="it-IT" sz="2800" b="0" i="0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 Societario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03E5F0BD-A4A9-B243-9CC2-D078CABD0852}"/>
              </a:ext>
            </a:extLst>
          </p:cNvPr>
          <p:cNvGrpSpPr/>
          <p:nvPr userDrawn="1"/>
        </p:nvGrpSpPr>
        <p:grpSpPr>
          <a:xfrm>
            <a:off x="10519323" y="6132380"/>
            <a:ext cx="1211518" cy="230320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10" name="Oval 5">
              <a:extLst>
                <a:ext uri="{FF2B5EF4-FFF2-40B4-BE49-F238E27FC236}">
                  <a16:creationId xmlns:a16="http://schemas.microsoft.com/office/drawing/2014/main" id="{134052C6-65CC-8844-8E46-99A97F469A8A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1" name="Freeform 6">
              <a:extLst>
                <a:ext uri="{FF2B5EF4-FFF2-40B4-BE49-F238E27FC236}">
                  <a16:creationId xmlns:a16="http://schemas.microsoft.com/office/drawing/2014/main" id="{CE1257AD-E41A-914C-B1E9-B0C8B46F21F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2" name="Rectangle 7">
              <a:extLst>
                <a:ext uri="{FF2B5EF4-FFF2-40B4-BE49-F238E27FC236}">
                  <a16:creationId xmlns:a16="http://schemas.microsoft.com/office/drawing/2014/main" id="{C0C0CBFA-16F6-EE4A-9021-F15196A18C3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3" name="Freeform 8">
              <a:extLst>
                <a:ext uri="{FF2B5EF4-FFF2-40B4-BE49-F238E27FC236}">
                  <a16:creationId xmlns:a16="http://schemas.microsoft.com/office/drawing/2014/main" id="{4052AFFD-F3D4-CF4E-AEBD-45A0BB4C898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4" name="Rectangle 9">
              <a:extLst>
                <a:ext uri="{FF2B5EF4-FFF2-40B4-BE49-F238E27FC236}">
                  <a16:creationId xmlns:a16="http://schemas.microsoft.com/office/drawing/2014/main" id="{E80B4274-55D1-FE40-888B-DB766A3AC2EF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5" name="Rectangle 10">
              <a:extLst>
                <a:ext uri="{FF2B5EF4-FFF2-40B4-BE49-F238E27FC236}">
                  <a16:creationId xmlns:a16="http://schemas.microsoft.com/office/drawing/2014/main" id="{6D162E5F-6124-4848-B99D-B9FE5E7CFACA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6" name="Freeform 11">
              <a:extLst>
                <a:ext uri="{FF2B5EF4-FFF2-40B4-BE49-F238E27FC236}">
                  <a16:creationId xmlns:a16="http://schemas.microsoft.com/office/drawing/2014/main" id="{34B36FDA-7A13-7748-8CDE-C1A6D4261DBA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7" name="Freeform 12">
              <a:extLst>
                <a:ext uri="{FF2B5EF4-FFF2-40B4-BE49-F238E27FC236}">
                  <a16:creationId xmlns:a16="http://schemas.microsoft.com/office/drawing/2014/main" id="{8C78D697-A5E0-E74C-A5AA-D0570893756D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8" name="Freeform 13">
              <a:extLst>
                <a:ext uri="{FF2B5EF4-FFF2-40B4-BE49-F238E27FC236}">
                  <a16:creationId xmlns:a16="http://schemas.microsoft.com/office/drawing/2014/main" id="{7F4B66A0-A493-AF47-9A31-E92D4FC2972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9" name="Freeform 14">
              <a:extLst>
                <a:ext uri="{FF2B5EF4-FFF2-40B4-BE49-F238E27FC236}">
                  <a16:creationId xmlns:a16="http://schemas.microsoft.com/office/drawing/2014/main" id="{C00EAC05-A89F-D14D-86AB-849E066F84C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/>
            <a:lstStyle/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dirty="0">
                <a:solidFill>
                  <a:schemeClr val="bg1"/>
                </a:solidFill>
                <a:latin typeface="+mn-lt"/>
              </a:endParaRPr>
            </a:p>
          </p:txBody>
        </p:sp>
      </p:grp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>
          <a:xfrm>
            <a:off x="466316" y="4194287"/>
            <a:ext cx="8528936" cy="2169796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spcAft>
                <a:spcPts val="45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576683426"/>
      </p:ext>
    </p:extLst>
  </p:cSld>
  <p:clrMapOvr>
    <a:masterClrMapping/>
  </p:clrMapOvr>
  <p:hf hdr="0" dt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91049575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72378334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1498604"/>
            <a:ext cx="3854528" cy="1278466"/>
          </a:xfrm>
        </p:spPr>
        <p:txBody>
          <a:bodyPr anchor="b">
            <a:normAutofit/>
          </a:bodyPr>
          <a:lstStyle>
            <a:lvl1pPr>
              <a:defRPr sz="2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0461" y="514924"/>
            <a:ext cx="4513541" cy="552643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2777069"/>
            <a:ext cx="3854528" cy="2584449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063" indent="0">
              <a:buNone/>
              <a:defRPr sz="1400"/>
            </a:lvl2pPr>
            <a:lvl3pPr marL="914126" indent="0">
              <a:buNone/>
              <a:defRPr sz="1200"/>
            </a:lvl3pPr>
            <a:lvl4pPr marL="1371189" indent="0">
              <a:buNone/>
              <a:defRPr sz="1000"/>
            </a:lvl4pPr>
            <a:lvl5pPr marL="1828251" indent="0">
              <a:buNone/>
              <a:defRPr sz="1000"/>
            </a:lvl5pPr>
            <a:lvl6pPr marL="2285314" indent="0">
              <a:buNone/>
              <a:defRPr sz="1000"/>
            </a:lvl6pPr>
            <a:lvl7pPr marL="2742377" indent="0">
              <a:buNone/>
              <a:defRPr sz="1000"/>
            </a:lvl7pPr>
            <a:lvl8pPr marL="3199440" indent="0">
              <a:buNone/>
              <a:defRPr sz="1000"/>
            </a:lvl8pPr>
            <a:lvl9pPr marL="3656503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A54C80-263E-416B-A8E0-580EDEADCBDC}" type="datetimeFigureOut">
              <a:rPr lang="en-US" smtClean="0"/>
              <a:t>11/11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19954A3-9DFD-4C44-94BA-B95130A3BA1C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7392313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4800600"/>
            <a:ext cx="859666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77334" y="609600"/>
            <a:ext cx="8596668" cy="3845718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5367338"/>
            <a:ext cx="8596667" cy="674024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1/11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40856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1.xml"/><Relationship Id="rId18" Type="http://schemas.openxmlformats.org/officeDocument/2006/relationships/slideLayout" Target="../slideLayouts/slideLayout36.xml"/><Relationship Id="rId26" Type="http://schemas.openxmlformats.org/officeDocument/2006/relationships/slideLayout" Target="../slideLayouts/slideLayout44.xml"/><Relationship Id="rId39" Type="http://schemas.openxmlformats.org/officeDocument/2006/relationships/slideLayout" Target="../slideLayouts/slideLayout57.xml"/><Relationship Id="rId21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52.xml"/><Relationship Id="rId42" Type="http://schemas.openxmlformats.org/officeDocument/2006/relationships/tags" Target="../tags/tag1.xml"/><Relationship Id="rId7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0.xml"/><Relationship Id="rId16" Type="http://schemas.openxmlformats.org/officeDocument/2006/relationships/slideLayout" Target="../slideLayouts/slideLayout34.xml"/><Relationship Id="rId20" Type="http://schemas.openxmlformats.org/officeDocument/2006/relationships/slideLayout" Target="../slideLayouts/slideLayout38.xml"/><Relationship Id="rId29" Type="http://schemas.openxmlformats.org/officeDocument/2006/relationships/slideLayout" Target="../slideLayouts/slideLayout47.xml"/><Relationship Id="rId41" Type="http://schemas.openxmlformats.org/officeDocument/2006/relationships/theme" Target="../theme/theme2.xml"/><Relationship Id="rId1" Type="http://schemas.openxmlformats.org/officeDocument/2006/relationships/slideLayout" Target="../slideLayouts/slideLayout19.xml"/><Relationship Id="rId6" Type="http://schemas.openxmlformats.org/officeDocument/2006/relationships/slideLayout" Target="../slideLayouts/slideLayout24.xml"/><Relationship Id="rId11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42.xml"/><Relationship Id="rId32" Type="http://schemas.openxmlformats.org/officeDocument/2006/relationships/slideLayout" Target="../slideLayouts/slideLayout50.xml"/><Relationship Id="rId37" Type="http://schemas.openxmlformats.org/officeDocument/2006/relationships/slideLayout" Target="../slideLayouts/slideLayout55.xml"/><Relationship Id="rId40" Type="http://schemas.openxmlformats.org/officeDocument/2006/relationships/slideLayout" Target="../slideLayouts/slideLayout58.xml"/><Relationship Id="rId5" Type="http://schemas.openxmlformats.org/officeDocument/2006/relationships/slideLayout" Target="../slideLayouts/slideLayout23.xml"/><Relationship Id="rId15" Type="http://schemas.openxmlformats.org/officeDocument/2006/relationships/slideLayout" Target="../slideLayouts/slideLayout33.xml"/><Relationship Id="rId23" Type="http://schemas.openxmlformats.org/officeDocument/2006/relationships/slideLayout" Target="../slideLayouts/slideLayout41.xml"/><Relationship Id="rId28" Type="http://schemas.openxmlformats.org/officeDocument/2006/relationships/slideLayout" Target="../slideLayouts/slideLayout46.xml"/><Relationship Id="rId36" Type="http://schemas.openxmlformats.org/officeDocument/2006/relationships/slideLayout" Target="../slideLayouts/slideLayout54.xml"/><Relationship Id="rId10" Type="http://schemas.openxmlformats.org/officeDocument/2006/relationships/slideLayout" Target="../slideLayouts/slideLayout28.xml"/><Relationship Id="rId19" Type="http://schemas.openxmlformats.org/officeDocument/2006/relationships/slideLayout" Target="../slideLayouts/slideLayout37.xml"/><Relationship Id="rId31" Type="http://schemas.openxmlformats.org/officeDocument/2006/relationships/slideLayout" Target="../slideLayouts/slideLayout49.xml"/><Relationship Id="rId44" Type="http://schemas.openxmlformats.org/officeDocument/2006/relationships/image" Target="../media/image1.emf"/><Relationship Id="rId4" Type="http://schemas.openxmlformats.org/officeDocument/2006/relationships/slideLayout" Target="../slideLayouts/slideLayout22.xml"/><Relationship Id="rId9" Type="http://schemas.openxmlformats.org/officeDocument/2006/relationships/slideLayout" Target="../slideLayouts/slideLayout27.xml"/><Relationship Id="rId14" Type="http://schemas.openxmlformats.org/officeDocument/2006/relationships/slideLayout" Target="../slideLayouts/slideLayout32.xml"/><Relationship Id="rId22" Type="http://schemas.openxmlformats.org/officeDocument/2006/relationships/slideLayout" Target="../slideLayouts/slideLayout40.xml"/><Relationship Id="rId27" Type="http://schemas.openxmlformats.org/officeDocument/2006/relationships/slideLayout" Target="../slideLayouts/slideLayout45.xml"/><Relationship Id="rId30" Type="http://schemas.openxmlformats.org/officeDocument/2006/relationships/slideLayout" Target="../slideLayouts/slideLayout48.xml"/><Relationship Id="rId35" Type="http://schemas.openxmlformats.org/officeDocument/2006/relationships/slideLayout" Target="../slideLayouts/slideLayout53.xml"/><Relationship Id="rId43" Type="http://schemas.openxmlformats.org/officeDocument/2006/relationships/oleObject" Target="../embeddings/oleObject1.bin"/><Relationship Id="rId8" Type="http://schemas.openxmlformats.org/officeDocument/2006/relationships/slideLayout" Target="../slideLayouts/slideLayout26.xml"/><Relationship Id="rId3" Type="http://schemas.openxmlformats.org/officeDocument/2006/relationships/slideLayout" Target="../slideLayouts/slideLayout21.xml"/><Relationship Id="rId12" Type="http://schemas.openxmlformats.org/officeDocument/2006/relationships/slideLayout" Target="../slideLayouts/slideLayout30.xml"/><Relationship Id="rId17" Type="http://schemas.openxmlformats.org/officeDocument/2006/relationships/slideLayout" Target="../slideLayouts/slideLayout35.xml"/><Relationship Id="rId25" Type="http://schemas.openxmlformats.org/officeDocument/2006/relationships/slideLayout" Target="../slideLayouts/slideLayout43.xml"/><Relationship Id="rId33" Type="http://schemas.openxmlformats.org/officeDocument/2006/relationships/slideLayout" Target="../slideLayouts/slideLayout51.xml"/><Relationship Id="rId38" Type="http://schemas.openxmlformats.org/officeDocument/2006/relationships/slideLayout" Target="../slideLayouts/slideLayout5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20" name="Straight Connector 19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Isosceles Triangle 27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Isosceles Triangle 28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4" y="2160589"/>
            <a:ext cx="8596668" cy="38807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205133" y="6041362"/>
            <a:ext cx="9119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1BEF0D-F0BB-DE4B-95CE-6DB70DBA9567}" type="datetimeFigureOut">
              <a:rPr lang="en-US" dirty="0"/>
              <a:pPr/>
              <a:t>11/11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77334" y="6041362"/>
            <a:ext cx="629761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90663" y="6041362"/>
            <a:ext cx="6833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3050883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2" r:id="rId1"/>
    <p:sldLayoutId id="2147483733" r:id="rId2"/>
    <p:sldLayoutId id="2147483734" r:id="rId3"/>
    <p:sldLayoutId id="2147483735" r:id="rId4"/>
    <p:sldLayoutId id="2147483736" r:id="rId5"/>
    <p:sldLayoutId id="2147483737" r:id="rId6"/>
    <p:sldLayoutId id="2147483738" r:id="rId7"/>
    <p:sldLayoutId id="2147483739" r:id="rId8"/>
    <p:sldLayoutId id="2147483740" r:id="rId9"/>
    <p:sldLayoutId id="2147483741" r:id="rId10"/>
    <p:sldLayoutId id="2147483742" r:id="rId11"/>
    <p:sldLayoutId id="2147483743" r:id="rId12"/>
    <p:sldLayoutId id="2147483744" r:id="rId13"/>
    <p:sldLayoutId id="2147483745" r:id="rId14"/>
    <p:sldLayoutId id="2147483746" r:id="rId15"/>
    <p:sldLayoutId id="2147483747" r:id="rId16"/>
    <p:sldLayoutId id="2147483748" r:id="rId17"/>
    <p:sldLayoutId id="2147483850" r:id="rId18"/>
  </p:sldLayoutIdLst>
  <p:transition>
    <p:fade/>
  </p:transition>
  <p:txStyles>
    <p:titleStyle>
      <a:lvl1pPr algn="l" defTabSz="457200" rtl="0" eaLnBrk="1" latinLnBrk="0" hangingPunct="1"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6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42"/>
            </p:custDataLst>
            <p:extLst>
              <p:ext uri="{D42A27DB-BD31-4B8C-83A1-F6EECF244321}">
                <p14:modId xmlns:p14="http://schemas.microsoft.com/office/powerpoint/2010/main" val="3206429901"/>
              </p:ext>
            </p:extLst>
          </p:nvPr>
        </p:nvGraphicFramePr>
        <p:xfrm>
          <a:off x="2119" y="1591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3" imgW="270" imgH="270" progId="TCLayout.ActiveDocument.1">
                  <p:embed/>
                </p:oleObj>
              </mc:Choice>
              <mc:Fallback>
                <p:oleObj name="think-cell Slide" r:id="rId43" imgW="270" imgH="270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44"/>
                      <a:stretch>
                        <a:fillRect/>
                      </a:stretch>
                    </p:blipFill>
                    <p:spPr>
                      <a:xfrm>
                        <a:off x="2119" y="1591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57200" y="345664"/>
            <a:ext cx="11281285" cy="3401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8" name="Copyright"/>
          <p:cNvSpPr txBox="1"/>
          <p:nvPr/>
        </p:nvSpPr>
        <p:spPr>
          <a:xfrm>
            <a:off x="457200" y="6515063"/>
            <a:ext cx="5355168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it-IT" sz="800" noProof="0" dirty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tudio Tributario e Societario - Deloitte Società tra Professionisti S.r.l.</a:t>
            </a:r>
            <a:endParaRPr lang="en-US" sz="800" noProof="0" dirty="0">
              <a:solidFill>
                <a:schemeClr val="tx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60887" y="1714500"/>
            <a:ext cx="11277599" cy="46482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TextBox 2"/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tx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A35A5D5-FD12-4A0E-B47E-3D53D008B26B}"/>
              </a:ext>
            </a:extLst>
          </p:cNvPr>
          <p:cNvSpPr txBox="1"/>
          <p:nvPr userDrawn="1"/>
        </p:nvSpPr>
        <p:spPr>
          <a:xfrm>
            <a:off x="4065081" y="699568"/>
            <a:ext cx="254000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203200" indent="-203200">
              <a:spcBef>
                <a:spcPts val="600"/>
              </a:spcBef>
              <a:buSzPct val="100000"/>
              <a:buFont typeface="Arial"/>
              <a:buChar char="•"/>
            </a:pPr>
            <a:endParaRPr lang="en-US" sz="1800" dirty="0">
              <a:solidFill>
                <a:srgbClr val="313131"/>
              </a:solidFill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33FEAD1B-5DFB-4123-913B-D7D5838C8C6D}"/>
              </a:ext>
            </a:extLst>
          </p:cNvPr>
          <p:cNvSpPr txBox="1"/>
          <p:nvPr userDrawn="1"/>
        </p:nvSpPr>
        <p:spPr>
          <a:xfrm>
            <a:off x="4321370" y="802745"/>
            <a:ext cx="1673167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203200" indent="-203200">
              <a:spcBef>
                <a:spcPts val="600"/>
              </a:spcBef>
              <a:buSzPct val="100000"/>
              <a:buFont typeface="Arial"/>
              <a:buChar char="•"/>
            </a:pPr>
            <a:endParaRPr lang="en-US" sz="1800" dirty="0">
              <a:solidFill>
                <a:srgbClr val="313131"/>
              </a:solidFill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B202DBDA-700C-4979-B00F-3477C099D042}"/>
              </a:ext>
            </a:extLst>
          </p:cNvPr>
          <p:cNvSpPr txBox="1"/>
          <p:nvPr userDrawn="1"/>
        </p:nvSpPr>
        <p:spPr>
          <a:xfrm>
            <a:off x="5969842" y="802745"/>
            <a:ext cx="250316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203200" indent="-203200">
              <a:spcBef>
                <a:spcPts val="600"/>
              </a:spcBef>
              <a:buSzPct val="100000"/>
              <a:buFont typeface="Arial"/>
              <a:buChar char="•"/>
            </a:pPr>
            <a:endParaRPr lang="en-US" sz="1800" dirty="0">
              <a:solidFill>
                <a:srgbClr val="313131"/>
              </a:solidFill>
            </a:endParaRP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D14DFC3E-51E5-47BE-BA81-FDAED74D8117}"/>
              </a:ext>
            </a:extLst>
          </p:cNvPr>
          <p:cNvSpPr txBox="1"/>
          <p:nvPr userDrawn="1"/>
        </p:nvSpPr>
        <p:spPr>
          <a:xfrm>
            <a:off x="4321027" y="801689"/>
            <a:ext cx="1673851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203200" indent="-203200">
              <a:spcBef>
                <a:spcPts val="600"/>
              </a:spcBef>
              <a:buSzPct val="100000"/>
              <a:buFont typeface="Arial"/>
              <a:buChar char="•"/>
            </a:pPr>
            <a:endParaRPr lang="en-US" sz="1800" dirty="0">
              <a:solidFill>
                <a:srgbClr val="31313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9971118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0" r:id="rId1"/>
    <p:sldLayoutId id="2147483811" r:id="rId2"/>
    <p:sldLayoutId id="2147483812" r:id="rId3"/>
    <p:sldLayoutId id="2147483813" r:id="rId4"/>
    <p:sldLayoutId id="2147483814" r:id="rId5"/>
    <p:sldLayoutId id="2147483815" r:id="rId6"/>
    <p:sldLayoutId id="2147483816" r:id="rId7"/>
    <p:sldLayoutId id="2147483817" r:id="rId8"/>
    <p:sldLayoutId id="2147483818" r:id="rId9"/>
    <p:sldLayoutId id="2147483819" r:id="rId10"/>
    <p:sldLayoutId id="2147483820" r:id="rId11"/>
    <p:sldLayoutId id="2147483821" r:id="rId12"/>
    <p:sldLayoutId id="2147483822" r:id="rId13"/>
    <p:sldLayoutId id="2147483823" r:id="rId14"/>
    <p:sldLayoutId id="2147483824" r:id="rId15"/>
    <p:sldLayoutId id="2147483825" r:id="rId16"/>
    <p:sldLayoutId id="2147483826" r:id="rId17"/>
    <p:sldLayoutId id="2147483827" r:id="rId18"/>
    <p:sldLayoutId id="2147483828" r:id="rId19"/>
    <p:sldLayoutId id="2147483829" r:id="rId20"/>
    <p:sldLayoutId id="2147483830" r:id="rId21"/>
    <p:sldLayoutId id="2147483831" r:id="rId22"/>
    <p:sldLayoutId id="2147483832" r:id="rId23"/>
    <p:sldLayoutId id="2147483833" r:id="rId24"/>
    <p:sldLayoutId id="2147483834" r:id="rId25"/>
    <p:sldLayoutId id="2147483835" r:id="rId26"/>
    <p:sldLayoutId id="2147483836" r:id="rId27"/>
    <p:sldLayoutId id="2147483837" r:id="rId28"/>
    <p:sldLayoutId id="2147483838" r:id="rId29"/>
    <p:sldLayoutId id="2147483839" r:id="rId30"/>
    <p:sldLayoutId id="2147483840" r:id="rId31"/>
    <p:sldLayoutId id="2147483841" r:id="rId32"/>
    <p:sldLayoutId id="2147483842" r:id="rId33"/>
    <p:sldLayoutId id="2147483843" r:id="rId34"/>
    <p:sldLayoutId id="2147483844" r:id="rId35"/>
    <p:sldLayoutId id="2147483845" r:id="rId36"/>
    <p:sldLayoutId id="2147483846" r:id="rId37"/>
    <p:sldLayoutId id="2147483847" r:id="rId38"/>
    <p:sldLayoutId id="2147483848" r:id="rId39"/>
    <p:sldLayoutId id="2147483849" r:id="rId40"/>
  </p:sldLayoutIdLst>
  <p:transition>
    <p:fade/>
  </p:transition>
  <p:hf hdr="0" dt="0"/>
  <p:txStyles>
    <p:titleStyle>
      <a:lvl1pPr algn="l" defTabSz="685800" rtl="0" eaLnBrk="1" latinLnBrk="0" hangingPunct="1">
        <a:spcBef>
          <a:spcPct val="0"/>
        </a:spcBef>
        <a:buNone/>
        <a:defRPr sz="2100" kern="1200">
          <a:solidFill>
            <a:schemeClr val="tx1"/>
          </a:solidFill>
          <a:latin typeface="+mn-lt"/>
          <a:ea typeface="+mj-ea"/>
          <a:cs typeface="Calibri Light" panose="020F0302020204030204" pitchFamily="34" charset="0"/>
        </a:defRPr>
      </a:lvl1pPr>
    </p:titleStyle>
    <p:bodyStyle>
      <a:lvl1pPr marL="0" indent="0" algn="l" defTabSz="685800" rtl="0" eaLnBrk="1" latinLnBrk="0" hangingPunct="1">
        <a:spcBef>
          <a:spcPts val="0"/>
        </a:spcBef>
        <a:spcAft>
          <a:spcPts val="750"/>
        </a:spcAft>
        <a:buSzPct val="100000"/>
        <a:buFontTx/>
        <a:buNone/>
        <a:defRPr sz="1200" b="0" kern="120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104775" indent="-104775" algn="l" defTabSz="685800" rtl="0" eaLnBrk="1" latinLnBrk="0" hangingPunct="1">
        <a:spcBef>
          <a:spcPts val="0"/>
        </a:spcBef>
        <a:spcAft>
          <a:spcPts val="750"/>
        </a:spcAft>
        <a:buClrTx/>
        <a:buSzPct val="100000"/>
        <a:buFont typeface="Arial" panose="020B0604020202020204" pitchFamily="34" charset="0"/>
        <a:buChar char="•"/>
        <a:defRPr lang="en-US" sz="1200" b="1" kern="120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2pPr>
      <a:lvl3pPr marL="228600" indent="-104775" algn="l" defTabSz="685800" rtl="0" eaLnBrk="1" latinLnBrk="0" hangingPunct="1">
        <a:spcBef>
          <a:spcPts val="0"/>
        </a:spcBef>
        <a:spcAft>
          <a:spcPts val="750"/>
        </a:spcAft>
        <a:buClrTx/>
        <a:buSzPct val="100000"/>
        <a:buFont typeface="Arial" panose="020B0604020202020204" pitchFamily="34" charset="0"/>
        <a:buChar char="−"/>
        <a:defRPr lang="en-US" sz="1200" kern="120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352425" indent="-104775" algn="l" defTabSz="685800" rtl="0" eaLnBrk="1" latinLnBrk="0" hangingPunct="1">
        <a:spcBef>
          <a:spcPts val="0"/>
        </a:spcBef>
        <a:spcAft>
          <a:spcPts val="750"/>
        </a:spcAft>
        <a:buClrTx/>
        <a:buSzPct val="100000"/>
        <a:buFont typeface="Arial" panose="020B0604020202020204" pitchFamily="34" charset="0"/>
        <a:buChar char="◦"/>
        <a:defRPr lang="en-US" sz="1200" kern="1200" baseline="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476250" indent="-104775" algn="l" defTabSz="598885" rtl="0" eaLnBrk="1" latinLnBrk="0" hangingPunct="1">
        <a:spcBef>
          <a:spcPts val="0"/>
        </a:spcBef>
        <a:spcAft>
          <a:spcPts val="750"/>
        </a:spcAft>
        <a:buClrTx/>
        <a:buSzPct val="100000"/>
        <a:buFont typeface="Arial" panose="020B0604020202020204" pitchFamily="34" charset="0"/>
        <a:buChar char="−"/>
        <a:tabLst/>
        <a:defRPr lang="en-US" sz="1200" kern="1200" baseline="0" dirty="0" smtClean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5pPr>
      <a:lvl6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>
          <a:solidFill>
            <a:schemeClr val="tx1"/>
          </a:solidFill>
          <a:latin typeface="+mn-lt"/>
          <a:ea typeface="+mn-ea"/>
          <a:cs typeface="+mn-cs"/>
        </a:defRPr>
      </a:lvl7pPr>
      <a:lvl8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5" orient="horz" pos="4008">
          <p15:clr>
            <a:srgbClr val="F26B43"/>
          </p15:clr>
        </p15:guide>
        <p15:guide id="49" orient="horz" pos="432">
          <p15:clr>
            <a:srgbClr val="F26B43"/>
          </p15:clr>
        </p15:guide>
        <p15:guide id="68" orient="horz" pos="4104">
          <p15:clr>
            <a:srgbClr val="F26B43"/>
          </p15:clr>
        </p15:guide>
        <p15:guide id="69" orient="horz" pos="2088">
          <p15:clr>
            <a:srgbClr val="F26B43"/>
          </p15:clr>
        </p15:guide>
        <p15:guide id="70" orient="horz" pos="1080">
          <p15:clr>
            <a:srgbClr val="F26B43"/>
          </p15:clr>
        </p15:guide>
        <p15:guide id="71" orient="horz" pos="216">
          <p15:clr>
            <a:srgbClr val="F26B43"/>
          </p15:clr>
        </p15:guide>
        <p15:guide id="72" pos="3840">
          <p15:clr>
            <a:srgbClr val="F26B43"/>
          </p15:clr>
        </p15:guide>
        <p15:guide id="73" pos="3936">
          <p15:clr>
            <a:srgbClr val="F26B43"/>
          </p15:clr>
        </p15:guide>
        <p15:guide id="74" pos="288">
          <p15:clr>
            <a:srgbClr val="F26B43"/>
          </p15:clr>
        </p15:guide>
        <p15:guide id="75" pos="4960">
          <p15:clr>
            <a:srgbClr val="F26B43"/>
          </p15:clr>
        </p15:guide>
        <p15:guide id="76" pos="3744">
          <p15:clr>
            <a:srgbClr val="F26B43"/>
          </p15:clr>
        </p15:guide>
        <p15:guide id="77" pos="2720">
          <p15:clr>
            <a:srgbClr val="F26B43"/>
          </p15:clr>
        </p15:guide>
        <p15:guide id="78" pos="2528">
          <p15:clr>
            <a:srgbClr val="F26B43"/>
          </p15:clr>
        </p15:guide>
        <p15:guide id="79" pos="1312">
          <p15:clr>
            <a:srgbClr val="F26B43"/>
          </p15:clr>
        </p15:guide>
        <p15:guide id="80" pos="1504">
          <p15:clr>
            <a:srgbClr val="F26B43"/>
          </p15:clr>
        </p15:guide>
        <p15:guide id="81" pos="5152">
          <p15:clr>
            <a:srgbClr val="F26B43"/>
          </p15:clr>
        </p15:guide>
        <p15:guide id="82" pos="6176">
          <p15:clr>
            <a:srgbClr val="F26B43"/>
          </p15:clr>
        </p15:guide>
        <p15:guide id="83" pos="6368">
          <p15:clr>
            <a:srgbClr val="F26B43"/>
          </p15:clr>
        </p15:guide>
        <p15:guide id="84" pos="7392">
          <p15:clr>
            <a:srgbClr val="F26B43"/>
          </p15:clr>
        </p15:guide>
        <p15:guide id="85" orient="horz" pos="21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3.pn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52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tags" Target="../tags/tag2.xml"/><Relationship Id="rId7" Type="http://schemas.openxmlformats.org/officeDocument/2006/relationships/image" Target="../media/image4.pn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6" Type="http://schemas.openxmlformats.org/officeDocument/2006/relationships/hyperlink" Target="http://www.deloitte.gr/" TargetMode="Externa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8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>
            <a:extLst>
              <a:ext uri="{FF2B5EF4-FFF2-40B4-BE49-F238E27FC236}">
                <a16:creationId xmlns:a16="http://schemas.microsoft.com/office/drawing/2014/main" id="{0B800686-F7E9-AC45-93E0-B4CD76659AC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00934" y="1322610"/>
            <a:ext cx="4244295" cy="4244295"/>
          </a:xfrm>
          <a:prstGeom prst="rect">
            <a:avLst/>
          </a:prstGeom>
        </p:spPr>
      </p:pic>
      <p:sp>
        <p:nvSpPr>
          <p:cNvPr id="13" name="Title 12">
            <a:extLst>
              <a:ext uri="{FF2B5EF4-FFF2-40B4-BE49-F238E27FC236}">
                <a16:creationId xmlns:a16="http://schemas.microsoft.com/office/drawing/2014/main" id="{DE5B9CEA-5E73-4E22-8C75-E8D43059FFC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7201" y="5699679"/>
            <a:ext cx="5532633" cy="515287"/>
          </a:xfrm>
        </p:spPr>
        <p:txBody>
          <a:bodyPr/>
          <a:lstStyle/>
          <a:p>
            <a:r>
              <a:rPr lang="en-US" dirty="0" err="1"/>
              <a:t>Unindustria</a:t>
            </a:r>
            <a:r>
              <a:rPr lang="en-US" dirty="0"/>
              <a:t> 11 </a:t>
            </a:r>
            <a:r>
              <a:rPr lang="en-US" dirty="0" err="1"/>
              <a:t>novembre</a:t>
            </a:r>
            <a:r>
              <a:rPr lang="en-US" dirty="0"/>
              <a:t> 2025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59138ED-0968-4032-A810-5D84ED6F3BD7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789992" y="156748"/>
            <a:ext cx="1098250" cy="1098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61957290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Box 12">
            <a:extLst>
              <a:ext uri="{FF2B5EF4-FFF2-40B4-BE49-F238E27FC236}">
                <a16:creationId xmlns:a16="http://schemas.microsoft.com/office/drawing/2014/main" id="{3ABE9599-D3BF-4F8F-B38D-0EFD9A050F60}"/>
              </a:ext>
            </a:extLst>
          </p:cNvPr>
          <p:cNvSpPr txBox="1"/>
          <p:nvPr/>
        </p:nvSpPr>
        <p:spPr>
          <a:xfrm>
            <a:off x="677334" y="1410970"/>
            <a:ext cx="8895291" cy="160043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1400" dirty="0"/>
              <a:t>Al 1° dicembre 2023, 19 CCNL firmati da CGIL, CISL e UIL prevedono misure di welfare aziendale, rispetto ai 10 del 2021</a:t>
            </a:r>
          </a:p>
          <a:p>
            <a:endParaRPr lang="it-IT" sz="1400" dirty="0"/>
          </a:p>
          <a:p>
            <a:r>
              <a:rPr lang="it-IT" sz="1400" dirty="0"/>
              <a:t>Questi CCNL coprono circa 2,9 milioni di lavoratori e oltre 219.000 imprese in Italia</a:t>
            </a:r>
          </a:p>
          <a:p>
            <a:endParaRPr lang="it-IT" sz="1400" dirty="0"/>
          </a:p>
          <a:p>
            <a:r>
              <a:rPr lang="it-IT" sz="1400" dirty="0"/>
              <a:t>Il welfare contrattato interessa quasi il 20% dei dipendenti coperti da CCNL firmati dalle principali sigle sindacali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399F22-BE9A-675A-9B4E-95B31F94D756}"/>
              </a:ext>
            </a:extLst>
          </p:cNvPr>
          <p:cNvSpPr txBox="1">
            <a:spLocks/>
          </p:cNvSpPr>
          <p:nvPr/>
        </p:nvSpPr>
        <p:spPr>
          <a:xfrm>
            <a:off x="677334" y="467360"/>
            <a:ext cx="8596668" cy="61976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600" kern="120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it-IT" sz="2400" dirty="0"/>
              <a:t>Diffusione del welfare nei CCNL*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894183E-6093-13B0-C99E-22FA99F7C85F}"/>
              </a:ext>
            </a:extLst>
          </p:cNvPr>
          <p:cNvSpPr txBox="1"/>
          <p:nvPr/>
        </p:nvSpPr>
        <p:spPr>
          <a:xfrm>
            <a:off x="677334" y="3335258"/>
            <a:ext cx="8895291" cy="203132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1400" b="1" u="sng" dirty="0"/>
              <a:t>Settori e importi medi previsti</a:t>
            </a:r>
          </a:p>
          <a:p>
            <a:endParaRPr lang="it-IT" sz="1400" dirty="0"/>
          </a:p>
          <a:p>
            <a:r>
              <a:rPr lang="it-IT" sz="1400" dirty="0"/>
              <a:t>Settore metalmeccanico: oltre 1,5 milioni di dipendenti con welfare da circa 200 euro annui</a:t>
            </a:r>
          </a:p>
          <a:p>
            <a:endParaRPr lang="it-IT" sz="1400" dirty="0"/>
          </a:p>
          <a:p>
            <a:r>
              <a:rPr lang="it-IT" sz="1400" dirty="0"/>
              <a:t>Altri settori rilevanti: pubblici esercizi e turismo (circa 600.000 lavoratori), assicurazioni (fino a 1.000 euro annui), PMI metalmeccaniche, trasporti, servizi all’infanzia</a:t>
            </a:r>
          </a:p>
          <a:p>
            <a:endParaRPr lang="it-IT" sz="1400" dirty="0"/>
          </a:p>
          <a:p>
            <a:r>
              <a:rPr lang="it-IT" sz="1400" dirty="0"/>
              <a:t>Importi medi generalmente contenuti entro il limite fiscale di 258,23 euro (fringe benefit), con eccezione del settore assicurativo (700-1.000 euro)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D3DD133-C497-50F4-26C7-9ECA5A1739E4}"/>
              </a:ext>
            </a:extLst>
          </p:cNvPr>
          <p:cNvSpPr txBox="1"/>
          <p:nvPr/>
        </p:nvSpPr>
        <p:spPr>
          <a:xfrm>
            <a:off x="677334" y="5784334"/>
            <a:ext cx="8680026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it-IT" sz="1400" dirty="0"/>
              <a:t>(*fonte </a:t>
            </a:r>
            <a:r>
              <a:rPr lang="it-IT" sz="1400" dirty="0" err="1"/>
              <a:t>Secondowelfare</a:t>
            </a:r>
            <a:r>
              <a:rPr lang="it-IT" sz="1400" dirty="0"/>
              <a:t> «Contrattazione collettiva: quali sono i 19 CCNL che prevedono welfare aziendale» - </a:t>
            </a:r>
            <a:r>
              <a:rPr lang="en-US" sz="1400" dirty="0"/>
              <a:t>2 </a:t>
            </a:r>
            <a:r>
              <a:rPr lang="en-US" sz="1400" dirty="0" err="1"/>
              <a:t>gennaio</a:t>
            </a:r>
            <a:r>
              <a:rPr lang="en-US" sz="1400" dirty="0"/>
              <a:t> 2024</a:t>
            </a:r>
            <a:r>
              <a:rPr lang="it-IT" sz="1400" dirty="0"/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2147655665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Box 12">
            <a:extLst>
              <a:ext uri="{FF2B5EF4-FFF2-40B4-BE49-F238E27FC236}">
                <a16:creationId xmlns:a16="http://schemas.microsoft.com/office/drawing/2014/main" id="{3ABE9599-D3BF-4F8F-B38D-0EFD9A050F60}"/>
              </a:ext>
            </a:extLst>
          </p:cNvPr>
          <p:cNvSpPr txBox="1"/>
          <p:nvPr/>
        </p:nvSpPr>
        <p:spPr>
          <a:xfrm>
            <a:off x="635655" y="1106170"/>
            <a:ext cx="8895291" cy="440120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1400" b="1" u="sng" dirty="0"/>
              <a:t>Caratteristiche e criticità</a:t>
            </a:r>
          </a:p>
          <a:p>
            <a:endParaRPr lang="it-IT" sz="1400" dirty="0"/>
          </a:p>
          <a:p>
            <a:pPr algn="just"/>
            <a:r>
              <a:rPr lang="it-IT" sz="1400" dirty="0"/>
              <a:t>Welfare contrattato spesso limitato a buoni acquisto o carburante, rischiando di diventare mera compensazione retributiva anziché supporto sociale o assistenziale</a:t>
            </a:r>
          </a:p>
          <a:p>
            <a:pPr algn="just"/>
            <a:endParaRPr lang="it-IT" sz="1400" dirty="0"/>
          </a:p>
          <a:p>
            <a:pPr algn="just"/>
            <a:r>
              <a:rPr lang="it-IT" sz="1400" dirty="0"/>
              <a:t>Opportunità nei rinnovi contrattuali per superare queste soglie e ampliare il paniere di prestazioni (es. sostegno alla genitorialità, cura familiari, servizi sanitari, assicurazioni)</a:t>
            </a:r>
          </a:p>
          <a:p>
            <a:pPr algn="just"/>
            <a:endParaRPr lang="it-IT" sz="1400" dirty="0"/>
          </a:p>
          <a:p>
            <a:pPr algn="just"/>
            <a:r>
              <a:rPr lang="it-IT" sz="1400" dirty="0"/>
              <a:t>Necessità di una maggiore strutturazione del welfare aziendale per valorizzarne il potenziale sociale e motivazionale</a:t>
            </a:r>
          </a:p>
          <a:p>
            <a:pPr algn="just"/>
            <a:endParaRPr lang="it-IT" sz="1400" dirty="0"/>
          </a:p>
          <a:p>
            <a:r>
              <a:rPr lang="it-IT" sz="1400" b="1" u="sng" dirty="0"/>
              <a:t>Contesto e prospettive</a:t>
            </a:r>
          </a:p>
          <a:p>
            <a:pPr algn="just"/>
            <a:endParaRPr lang="it-IT" sz="1400" dirty="0"/>
          </a:p>
          <a:p>
            <a:pPr algn="just"/>
            <a:r>
              <a:rPr lang="it-IT" sz="1400" dirty="0"/>
              <a:t>Welfare come strumento di rinnovo e innovazione della contrattazione collettiva</a:t>
            </a:r>
          </a:p>
          <a:p>
            <a:pPr algn="just"/>
            <a:endParaRPr lang="it-IT" sz="1400" dirty="0"/>
          </a:p>
          <a:p>
            <a:pPr algn="just"/>
            <a:r>
              <a:rPr lang="it-IT" sz="1400" dirty="0"/>
              <a:t>Importanza di garantire rappresentatività sindacale per evitare dumping contrattuale e garantire condizioni eque</a:t>
            </a:r>
          </a:p>
          <a:p>
            <a:pPr algn="just"/>
            <a:endParaRPr lang="it-IT" sz="1400" dirty="0"/>
          </a:p>
          <a:p>
            <a:pPr algn="just"/>
            <a:r>
              <a:rPr lang="it-IT" sz="1400" dirty="0"/>
              <a:t>Welfare aziendale può essere leva per migliorare condizioni di lavoro e soddisfazione, in assenza di un salario minimo lega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399F22-BE9A-675A-9B4E-95B31F94D756}"/>
              </a:ext>
            </a:extLst>
          </p:cNvPr>
          <p:cNvSpPr txBox="1">
            <a:spLocks/>
          </p:cNvSpPr>
          <p:nvPr/>
        </p:nvSpPr>
        <p:spPr>
          <a:xfrm>
            <a:off x="677334" y="467360"/>
            <a:ext cx="8596668" cy="61976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600" kern="120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it-IT" sz="2400" dirty="0"/>
              <a:t>Diffusione del welfare nei CCNL*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D3DD133-C497-50F4-26C7-9ECA5A1739E4}"/>
              </a:ext>
            </a:extLst>
          </p:cNvPr>
          <p:cNvSpPr txBox="1"/>
          <p:nvPr/>
        </p:nvSpPr>
        <p:spPr>
          <a:xfrm>
            <a:off x="593976" y="5751830"/>
            <a:ext cx="8680026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it-IT" sz="1400" dirty="0"/>
              <a:t>(*fonte </a:t>
            </a:r>
            <a:r>
              <a:rPr lang="it-IT" sz="1400" dirty="0" err="1"/>
              <a:t>Secondowelfare</a:t>
            </a:r>
            <a:r>
              <a:rPr lang="it-IT" sz="1400" dirty="0"/>
              <a:t> «Contrattazione collettiva: quali sono i 19 CCNL che prevedono welfare aziendale» - </a:t>
            </a:r>
            <a:r>
              <a:rPr lang="en-US" sz="1400" dirty="0"/>
              <a:t>2 </a:t>
            </a:r>
            <a:r>
              <a:rPr lang="en-US" sz="1400" dirty="0" err="1"/>
              <a:t>gennaio</a:t>
            </a:r>
            <a:r>
              <a:rPr lang="en-US" sz="1400" dirty="0"/>
              <a:t> 2024</a:t>
            </a:r>
            <a:r>
              <a:rPr lang="it-IT" sz="1400" dirty="0"/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435770637"/>
      </p:ext>
    </p:extLst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Box 12">
            <a:extLst>
              <a:ext uri="{FF2B5EF4-FFF2-40B4-BE49-F238E27FC236}">
                <a16:creationId xmlns:a16="http://schemas.microsoft.com/office/drawing/2014/main" id="{3ABE9599-D3BF-4F8F-B38D-0EFD9A050F60}"/>
              </a:ext>
            </a:extLst>
          </p:cNvPr>
          <p:cNvSpPr txBox="1"/>
          <p:nvPr/>
        </p:nvSpPr>
        <p:spPr>
          <a:xfrm>
            <a:off x="635655" y="1106170"/>
            <a:ext cx="8895291" cy="504753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1400" dirty="0"/>
              <a:t>Es. CCNL Metalmeccanici Industria (Federmeccanica / </a:t>
            </a:r>
            <a:r>
              <a:rPr lang="it-IT" sz="1400" dirty="0" err="1"/>
              <a:t>Assistal</a:t>
            </a:r>
            <a:r>
              <a:rPr lang="it-IT" sz="1400" dirty="0"/>
              <a:t> – </a:t>
            </a:r>
            <a:r>
              <a:rPr lang="it-IT" sz="1400" dirty="0" err="1"/>
              <a:t>Fim</a:t>
            </a:r>
            <a:r>
              <a:rPr lang="it-IT" sz="1400" dirty="0"/>
              <a:t> CISL / Fiom CGIL / Uilm UIL)</a:t>
            </a:r>
          </a:p>
          <a:p>
            <a:r>
              <a:rPr lang="it-IT" sz="1400" dirty="0"/>
              <a:t>Art. 17 – Welfare</a:t>
            </a:r>
          </a:p>
          <a:p>
            <a:r>
              <a:rPr lang="it-IT" sz="1400" dirty="0"/>
              <a:t>«Entro il 1° giugno di ciascun anno le aziende dovranno mettere a disposizione dei lavoratori strumenti di welfare, elencati in via esemplificativa in calce al presente articolo, del valore di 200 euro da utilizzare entro il 31 maggio dell’anno successivo. I suddetti valori sono onnicomprensivi ed espressamente esclusi dalla base di calcolo del trattamento di fine rapporto. Hanno diritto a quanto sopra i lavoratori, superato il periodo di prova, in forza al 1° giugno di ciascun anno o successivamente assunti entro il 31 dicembre di ciascun anno:</a:t>
            </a:r>
          </a:p>
          <a:p>
            <a:r>
              <a:rPr lang="it-IT" sz="1400" dirty="0"/>
              <a:t>• con contratto a tempo indeterminato;</a:t>
            </a:r>
          </a:p>
          <a:p>
            <a:r>
              <a:rPr lang="it-IT" sz="1400" dirty="0"/>
              <a:t>• con contratto a tempo determinato che abbiano maturato almeno tre mesi, anche non consecutivi, di anzianità di servizio nel corso di ciascun anno (1 gennaio – 31 dicembre).</a:t>
            </a:r>
          </a:p>
          <a:p>
            <a:r>
              <a:rPr lang="it-IT" sz="1400" dirty="0"/>
              <a:t>Sono esclusi i lavoratori in aspettativa non retribuita né indennizzata nel periodo 1 giugno – 31 dicembre di ciascun anno.</a:t>
            </a:r>
          </a:p>
          <a:p>
            <a:r>
              <a:rPr lang="it-IT" sz="1400" dirty="0"/>
              <a:t>I suddetti valori non sono riproporzionabili per i lavoratori part-time e sono comprensivi esclusivamente di eventuali costi fiscali o contributivi a carico dell’azienda.» contrattometalmeccanici.it+2Welfare Group+2—Nota: questo è un ottimo “modello” perché la clausola è chiara: importo, tempi, destinatari, modalità. Puoi usarlo come riferimento di stile.2) CCNL Imprese di Assicurazione (ANIA) (ANIA / sindacati)Non ho reperito una clausola completa e pubblicamente libera del testo che specifichi al dettaglio importo e modalità (quantomeno nei risultati che ho consultato). Ad esempio, la mappatura segnala che per questo CCNL è previsto un importo compreso tra 700 e 1.000 € (in base al livello). Percorsi di Secondo </a:t>
            </a:r>
            <a:r>
              <a:rPr lang="it-IT" sz="1400" dirty="0" err="1"/>
              <a:t>WelfareQuindi</a:t>
            </a:r>
            <a:r>
              <a:rPr lang="it-IT" sz="1400" dirty="0"/>
              <a:t>:“Le imprese di assicurazione riconoscono ai lavoratori, in applicazione del CCNL, un contributo in strumenti di welfare aziendale per un importo variabile da 700 a 1.000 € annui in base al livello contrattuale”(Testo non ufficiale, da verificare)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399F22-BE9A-675A-9B4E-95B31F94D756}"/>
              </a:ext>
            </a:extLst>
          </p:cNvPr>
          <p:cNvSpPr txBox="1">
            <a:spLocks/>
          </p:cNvSpPr>
          <p:nvPr/>
        </p:nvSpPr>
        <p:spPr>
          <a:xfrm>
            <a:off x="677334" y="467360"/>
            <a:ext cx="8596668" cy="61976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600" kern="120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it-IT" sz="2400" dirty="0"/>
              <a:t>Diffusione del welfare nei CCNL</a:t>
            </a:r>
          </a:p>
        </p:txBody>
      </p:sp>
    </p:spTree>
    <p:extLst>
      <p:ext uri="{BB962C8B-B14F-4D97-AF65-F5344CB8AC3E}">
        <p14:creationId xmlns:p14="http://schemas.microsoft.com/office/powerpoint/2010/main" val="3171708820"/>
      </p:ext>
    </p:extLst>
  </p:cSld>
  <p:clrMapOvr>
    <a:masterClrMapping/>
  </p:clrMapOvr>
  <p:transition>
    <p:fade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Box 12">
            <a:extLst>
              <a:ext uri="{FF2B5EF4-FFF2-40B4-BE49-F238E27FC236}">
                <a16:creationId xmlns:a16="http://schemas.microsoft.com/office/drawing/2014/main" id="{3ABE9599-D3BF-4F8F-B38D-0EFD9A050F60}"/>
              </a:ext>
            </a:extLst>
          </p:cNvPr>
          <p:cNvSpPr txBox="1"/>
          <p:nvPr/>
        </p:nvSpPr>
        <p:spPr>
          <a:xfrm>
            <a:off x="635655" y="1106170"/>
            <a:ext cx="8895291" cy="33239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1400" dirty="0"/>
              <a:t>Es. CCNL Metalmeccanici Industria (Federmeccanica / </a:t>
            </a:r>
            <a:r>
              <a:rPr lang="it-IT" sz="1400" dirty="0" err="1"/>
              <a:t>Assistal</a:t>
            </a:r>
            <a:r>
              <a:rPr lang="it-IT" sz="1400" dirty="0"/>
              <a:t> – </a:t>
            </a:r>
            <a:r>
              <a:rPr lang="it-IT" sz="1400" dirty="0" err="1"/>
              <a:t>Fim</a:t>
            </a:r>
            <a:r>
              <a:rPr lang="it-IT" sz="1400" dirty="0"/>
              <a:t> CISL / Fiom CGIL / Uilm UIL)</a:t>
            </a:r>
          </a:p>
          <a:p>
            <a:r>
              <a:rPr lang="it-IT" sz="1400" dirty="0"/>
              <a:t>Art. 17 – Welfare</a:t>
            </a:r>
          </a:p>
          <a:p>
            <a:pPr algn="just"/>
            <a:r>
              <a:rPr lang="it-IT" sz="1400" dirty="0"/>
              <a:t>«</a:t>
            </a:r>
            <a:r>
              <a:rPr lang="it-IT" sz="1400" i="1" dirty="0"/>
              <a:t>Entro il 1° giugno di ciascun anno le aziende dovranno mettere a disposizione dei lavoratori strumenti di welfare, elencati in via esemplificativa in calce al presente articolo, del valore di 200 euro da utilizzare entro il 31 maggio dell’anno successivo. I suddetti valori sono onnicomprensivi ed espressamente esclusi dalla base di calcolo del trattamento di fine rapporto. Hanno diritto a quanto sopra i lavoratori, superato il periodo di prova, in forza al 1° giugno di ciascun anno o successivamente assunti entro il 31 dicembre di ciascun anno:</a:t>
            </a:r>
          </a:p>
          <a:p>
            <a:pPr algn="just"/>
            <a:r>
              <a:rPr lang="it-IT" sz="1400" i="1" dirty="0"/>
              <a:t>• con contratto a tempo indeterminato;</a:t>
            </a:r>
          </a:p>
          <a:p>
            <a:pPr algn="just"/>
            <a:r>
              <a:rPr lang="it-IT" sz="1400" i="1" dirty="0"/>
              <a:t>• con contratto a tempo determinato che abbiano maturato almeno tre mesi, anche non consecutivi, di anzianità di servizio nel corso di ciascun anno (1 gennaio – 31 dicembre).</a:t>
            </a:r>
          </a:p>
          <a:p>
            <a:pPr algn="just"/>
            <a:r>
              <a:rPr lang="it-IT" sz="1400" i="1" dirty="0"/>
              <a:t>Sono esclusi i lavoratori in aspettativa non retribuita né indennizzata nel periodo 1 giugno – 31 dicembre di ciascun anno.</a:t>
            </a:r>
          </a:p>
          <a:p>
            <a:pPr algn="just"/>
            <a:r>
              <a:rPr lang="it-IT" sz="1400" i="1" dirty="0"/>
              <a:t>I suddetti valori non sono riproporzionabili per i lavoratori part-time e sono comprensivi esclusivamente di eventuali costi fiscali o contributivi a carico dell’azienda»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399F22-BE9A-675A-9B4E-95B31F94D756}"/>
              </a:ext>
            </a:extLst>
          </p:cNvPr>
          <p:cNvSpPr txBox="1">
            <a:spLocks/>
          </p:cNvSpPr>
          <p:nvPr/>
        </p:nvSpPr>
        <p:spPr>
          <a:xfrm>
            <a:off x="677334" y="467360"/>
            <a:ext cx="8596668" cy="61976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600" kern="120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it-IT" sz="2400" dirty="0"/>
              <a:t>Diffusione del welfare nei CCNL</a:t>
            </a:r>
          </a:p>
        </p:txBody>
      </p:sp>
    </p:spTree>
    <p:extLst>
      <p:ext uri="{BB962C8B-B14F-4D97-AF65-F5344CB8AC3E}">
        <p14:creationId xmlns:p14="http://schemas.microsoft.com/office/powerpoint/2010/main" val="3662368661"/>
      </p:ext>
    </p:extLst>
  </p:cSld>
  <p:clrMapOvr>
    <a:masterClrMapping/>
  </p:clrMapOvr>
  <p:transition>
    <p:fade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BF30CAA7-981A-4A95-8E9C-EB17C724B66C}"/>
              </a:ext>
            </a:extLst>
          </p:cNvPr>
          <p:cNvSpPr txBox="1"/>
          <p:nvPr/>
        </p:nvSpPr>
        <p:spPr>
          <a:xfrm>
            <a:off x="5332491" y="959666"/>
            <a:ext cx="106830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Pct val="100000"/>
              <a:buFontTx/>
              <a:buNone/>
              <a:tabLst/>
              <a:defRPr/>
            </a:pPr>
            <a:r>
              <a:rPr kumimoji="0" lang="it-IT" sz="2400" b="0" i="0" u="none" strike="noStrike" kern="1200" cap="none" spc="0" normalizeH="0" baseline="0" noProof="0" dirty="0">
                <a:ln>
                  <a:noFill/>
                </a:ln>
                <a:solidFill>
                  <a:srgbClr val="313131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Grazie!!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4A2DB91F-F0E0-2E9F-B035-DD971A03A6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7582" y="1704582"/>
            <a:ext cx="7429001" cy="38261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7346740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A53A8AD-38C0-4854-81B3-9B99B4E007E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2942" y="5427098"/>
            <a:ext cx="10752738" cy="679062"/>
          </a:xfrm>
        </p:spPr>
        <p:txBody>
          <a:bodyPr/>
          <a:lstStyle/>
          <a:p>
            <a:pPr lvl="0" algn="just">
              <a:buSzPts val="1000"/>
              <a:tabLst>
                <a:tab pos="457200" algn="l"/>
              </a:tabLst>
            </a:pPr>
            <a:r>
              <a:rPr lang="it-IT" sz="1800" dirty="0">
                <a:solidFill>
                  <a:schemeClr val="bg1"/>
                </a:solidFill>
                <a:latin typeface="ArialMT"/>
              </a:rPr>
              <a:t>Sostituzione di componenti retributive con iniziative di Welfare aziendale</a:t>
            </a:r>
            <a:br>
              <a:rPr lang="it-IT" sz="1800" dirty="0">
                <a:solidFill>
                  <a:schemeClr val="bg1"/>
                </a:solidFill>
                <a:latin typeface="ArialMT"/>
              </a:rPr>
            </a:br>
            <a:r>
              <a:rPr lang="it-IT" sz="1800" dirty="0">
                <a:solidFill>
                  <a:schemeClr val="bg1"/>
                </a:solidFill>
                <a:latin typeface="ArialMT"/>
              </a:rPr>
              <a:t>Analisi e Implicazioni Fiscali alla luce degli interpelli </a:t>
            </a:r>
            <a:r>
              <a:rPr lang="it-IT" sz="1800">
                <a:solidFill>
                  <a:schemeClr val="bg1"/>
                </a:solidFill>
                <a:latin typeface="ArialMT"/>
              </a:rPr>
              <a:t>nn. </a:t>
            </a:r>
            <a:r>
              <a:rPr lang="it-IT" sz="1800" dirty="0">
                <a:solidFill>
                  <a:schemeClr val="bg1"/>
                </a:solidFill>
                <a:latin typeface="ArialMT"/>
              </a:rPr>
              <a:t>77/2025 e 195/2025</a:t>
            </a:r>
          </a:p>
        </p:txBody>
      </p:sp>
      <p:sp>
        <p:nvSpPr>
          <p:cNvPr id="8" name="Rectangle 7">
            <a:hlinkClick r:id="rId6"/>
          </p:cNvPr>
          <p:cNvSpPr/>
          <p:nvPr/>
        </p:nvSpPr>
        <p:spPr bwMode="gray">
          <a:xfrm>
            <a:off x="402942" y="369356"/>
            <a:ext cx="2174003" cy="554280"/>
          </a:xfrm>
          <a:prstGeom prst="rect">
            <a:avLst/>
          </a:prstGeom>
          <a:solidFill>
            <a:schemeClr val="bg1">
              <a:alpha val="0"/>
            </a:scheme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marL="0" marR="0" lvl="0" indent="0" algn="ctr" defTabSz="457200" rtl="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US" sz="16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E327673-1413-4DDD-9B6F-FD99E249528C}"/>
              </a:ext>
            </a:extLst>
          </p:cNvPr>
          <p:cNvPicPr>
            <a:picLocks noChangeAspect="1"/>
          </p:cNvPicPr>
          <p:nvPr/>
        </p:nvPicPr>
        <p:blipFill>
          <a:blip r:embed="rId7"/>
          <a:srcRect/>
          <a:stretch/>
        </p:blipFill>
        <p:spPr>
          <a:xfrm>
            <a:off x="10694852" y="5659120"/>
            <a:ext cx="1198880" cy="1198880"/>
          </a:xfrm>
          <a:prstGeom prst="rect">
            <a:avLst/>
          </a:prstGeom>
        </p:spPr>
      </p:pic>
      <p:pic>
        <p:nvPicPr>
          <p:cNvPr id="9" name="Picture 4">
            <a:extLst>
              <a:ext uri="{FF2B5EF4-FFF2-40B4-BE49-F238E27FC236}">
                <a16:creationId xmlns:a16="http://schemas.microsoft.com/office/drawing/2014/main" id="{4D9BF916-3C7B-4095-BACC-7408B7EC5F30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18263" y="1013917"/>
            <a:ext cx="4371703" cy="437170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95614524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548640"/>
          </a:xfrm>
        </p:spPr>
        <p:txBody>
          <a:bodyPr>
            <a:normAutofit/>
          </a:bodyPr>
          <a:lstStyle/>
          <a:p>
            <a:r>
              <a:rPr lang="it-IT" sz="2400" dirty="0"/>
              <a:t>MBO → Welfare aziendale (Interpello n. 77/2025)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C7FD9ED-E2F4-90B3-26FF-53D1EC38899C}"/>
              </a:ext>
            </a:extLst>
          </p:cNvPr>
          <p:cNvSpPr txBox="1"/>
          <p:nvPr/>
        </p:nvSpPr>
        <p:spPr>
          <a:xfrm>
            <a:off x="677333" y="1158240"/>
            <a:ext cx="8895291" cy="440120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defRPr sz="1600" b="1">
                <a:solidFill>
                  <a:srgbClr val="003366"/>
                </a:solidFill>
              </a:defRPr>
            </a:pPr>
            <a:r>
              <a:rPr lang="it-IT" sz="1400" dirty="0">
                <a:solidFill>
                  <a:schemeClr val="tx2"/>
                </a:solidFill>
              </a:rPr>
              <a:t>Quesito: esclusione da reddito ex art. 51 TUIR della quota MBO convertita in welfare</a:t>
            </a:r>
          </a:p>
          <a:p>
            <a:pPr>
              <a:defRPr sz="1600" b="1">
                <a:solidFill>
                  <a:srgbClr val="003366"/>
                </a:solidFill>
              </a:defRPr>
            </a:pPr>
            <a:r>
              <a:rPr lang="it-IT" sz="1400" dirty="0">
                <a:solidFill>
                  <a:schemeClr val="tx2"/>
                </a:solidFill>
              </a:rPr>
              <a:t>Destinazioni possibili: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1. Fondi pensione (lett. a)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2. Spese ricreative/educative (lett. f)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3. Istruzione e servizi scolastici (lett. f-bis)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4. Assistenza familiari non autosufficienti (lett. f-ter)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5. Abbonamenti trasporto pubblico (lett. d-bis)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6. Voucher beni/servizi fino a € 258,23 (c.3)</a:t>
            </a:r>
          </a:p>
          <a:p>
            <a:pPr>
              <a:defRPr sz="1600" b="1">
                <a:solidFill>
                  <a:srgbClr val="003366"/>
                </a:solidFill>
              </a:defRPr>
            </a:pPr>
            <a:endParaRPr lang="it-IT"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r>
              <a:rPr lang="it-IT" sz="1400" dirty="0">
                <a:solidFill>
                  <a:schemeClr val="tx2"/>
                </a:solidFill>
              </a:rPr>
              <a:t>Modalità operative: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• Versamento diretto al fondo pensione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• Rimborso spese (scuola, assistenza, trasporto)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• Voucher tramite catalogo fornitori</a:t>
            </a:r>
          </a:p>
          <a:p>
            <a:pPr>
              <a:defRPr sz="1600" b="1">
                <a:solidFill>
                  <a:srgbClr val="003366"/>
                </a:solidFill>
              </a:defRPr>
            </a:pPr>
            <a:endParaRPr lang="it-IT"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r>
              <a:rPr lang="it-IT" sz="1400" dirty="0">
                <a:solidFill>
                  <a:schemeClr val="tx2"/>
                </a:solidFill>
              </a:rPr>
              <a:t>Posizione istante: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• Esclusione valida anche per MBO premiali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• Focus su fidelizzazione e benessere (</a:t>
            </a:r>
            <a:r>
              <a:rPr lang="it-IT" sz="1400" dirty="0" err="1">
                <a:solidFill>
                  <a:schemeClr val="tx2"/>
                </a:solidFill>
              </a:rPr>
              <a:t>Risoluz</a:t>
            </a:r>
            <a:r>
              <a:rPr lang="it-IT" sz="1400" dirty="0">
                <a:solidFill>
                  <a:schemeClr val="tx2"/>
                </a:solidFill>
              </a:rPr>
              <a:t>. 55/E/2020)</a:t>
            </a:r>
          </a:p>
          <a:p>
            <a:pPr>
              <a:defRPr sz="1600"/>
            </a:pPr>
            <a:r>
              <a:rPr lang="it-IT" sz="1400" dirty="0">
                <a:solidFill>
                  <a:schemeClr val="tx2"/>
                </a:solidFill>
              </a:rPr>
              <a:t>   • Welfare offerto a generalità/categorie omogenee</a:t>
            </a:r>
          </a:p>
          <a:p>
            <a:pPr>
              <a:defRPr sz="1600" b="1">
                <a:solidFill>
                  <a:srgbClr val="003366"/>
                </a:solidFill>
              </a:defRPr>
            </a:pPr>
            <a:endParaRPr lang="it-IT"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r>
              <a:rPr lang="it-IT" sz="1400" dirty="0">
                <a:solidFill>
                  <a:schemeClr val="tx2"/>
                </a:solidFill>
              </a:rPr>
              <a:t>Conclusione: richiesta conferma esclusione fiscale e contributiva ex art. 51 TUIR</a:t>
            </a:r>
          </a:p>
        </p:txBody>
      </p:sp>
    </p:spTree>
    <p:extLst>
      <p:ext uri="{BB962C8B-B14F-4D97-AF65-F5344CB8AC3E}">
        <p14:creationId xmlns:p14="http://schemas.microsoft.com/office/powerpoint/2010/main" val="4011841804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528320"/>
          </a:xfrm>
        </p:spPr>
        <p:txBody>
          <a:bodyPr/>
          <a:lstStyle/>
          <a:p>
            <a:r>
              <a:rPr lang="it-IT" sz="2400" dirty="0"/>
              <a:t>MBO → Welfare aziendale (Interpello n. 77/2025)</a:t>
            </a:r>
            <a:endParaRPr sz="24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4BE14CED-946E-ADBE-6CC4-EF4B42C2848D}"/>
              </a:ext>
            </a:extLst>
          </p:cNvPr>
          <p:cNvSpPr txBox="1"/>
          <p:nvPr/>
        </p:nvSpPr>
        <p:spPr>
          <a:xfrm>
            <a:off x="677334" y="1137920"/>
            <a:ext cx="8904816" cy="483209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defRPr sz="1600" b="1">
                <a:solidFill>
                  <a:srgbClr val="003366"/>
                </a:solidFill>
              </a:defRPr>
            </a:pPr>
            <a:r>
              <a:rPr lang="it-IT" sz="1400" dirty="0">
                <a:solidFill>
                  <a:schemeClr val="tx2"/>
                </a:solidFill>
              </a:rPr>
              <a:t>Soggetti coinvolti</a:t>
            </a:r>
            <a:r>
              <a:rPr sz="1400" dirty="0">
                <a:solidFill>
                  <a:schemeClr val="tx2"/>
                </a:solidFill>
              </a:rPr>
              <a:t>: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61% Quadri (target → 80% </a:t>
            </a:r>
            <a:r>
              <a:rPr sz="1400" dirty="0" err="1">
                <a:solidFill>
                  <a:schemeClr val="tx2"/>
                </a:solidFill>
              </a:rPr>
              <a:t>nel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biennio</a:t>
            </a:r>
            <a:r>
              <a:rPr sz="1400" dirty="0">
                <a:solidFill>
                  <a:schemeClr val="tx2"/>
                </a:solidFill>
              </a:rPr>
              <a:t>)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3% </a:t>
            </a:r>
            <a:r>
              <a:rPr sz="1400" dirty="0" err="1">
                <a:solidFill>
                  <a:schemeClr val="tx2"/>
                </a:solidFill>
              </a:rPr>
              <a:t>Impiegati</a:t>
            </a:r>
            <a:endParaRPr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endParaRPr lang="it-IT"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r>
              <a:rPr sz="1400" dirty="0" err="1">
                <a:solidFill>
                  <a:schemeClr val="tx2"/>
                </a:solidFill>
              </a:rPr>
              <a:t>Criteri</a:t>
            </a:r>
            <a:r>
              <a:rPr sz="1400" dirty="0">
                <a:solidFill>
                  <a:schemeClr val="tx2"/>
                </a:solidFill>
              </a:rPr>
              <a:t> di </a:t>
            </a:r>
            <a:r>
              <a:rPr sz="1400" dirty="0" err="1">
                <a:solidFill>
                  <a:schemeClr val="tx2"/>
                </a:solidFill>
              </a:rPr>
              <a:t>inclusione</a:t>
            </a:r>
            <a:r>
              <a:rPr sz="1400" dirty="0">
                <a:solidFill>
                  <a:schemeClr val="tx2"/>
                </a:solidFill>
              </a:rPr>
              <a:t>: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Mansione</a:t>
            </a:r>
            <a:r>
              <a:rPr sz="1400" dirty="0">
                <a:solidFill>
                  <a:schemeClr val="tx2"/>
                </a:solidFill>
              </a:rPr>
              <a:t> (</a:t>
            </a:r>
            <a:r>
              <a:rPr sz="1400" dirty="0" err="1">
                <a:solidFill>
                  <a:schemeClr val="tx2"/>
                </a:solidFill>
              </a:rPr>
              <a:t>complessità</a:t>
            </a:r>
            <a:r>
              <a:rPr sz="1400" dirty="0">
                <a:solidFill>
                  <a:schemeClr val="tx2"/>
                </a:solidFill>
              </a:rPr>
              <a:t>, </a:t>
            </a:r>
            <a:r>
              <a:rPr sz="1400" dirty="0" err="1">
                <a:solidFill>
                  <a:schemeClr val="tx2"/>
                </a:solidFill>
              </a:rPr>
              <a:t>responsabilità</a:t>
            </a:r>
            <a:r>
              <a:rPr sz="1400" dirty="0">
                <a:solidFill>
                  <a:schemeClr val="tx2"/>
                </a:solidFill>
              </a:rPr>
              <a:t>, </a:t>
            </a:r>
            <a:r>
              <a:rPr sz="1400" dirty="0" err="1">
                <a:solidFill>
                  <a:schemeClr val="tx2"/>
                </a:solidFill>
              </a:rPr>
              <a:t>ambito</a:t>
            </a:r>
            <a:r>
              <a:rPr sz="1400" dirty="0">
                <a:solidFill>
                  <a:schemeClr val="tx2"/>
                </a:solidFill>
              </a:rPr>
              <a:t>)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Collocazione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organizzativa</a:t>
            </a:r>
            <a:endParaRPr sz="1400" dirty="0">
              <a:solidFill>
                <a:schemeClr val="tx2"/>
              </a:solidFill>
            </a:endParaRP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Valutazione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manageriale</a:t>
            </a:r>
            <a:endParaRPr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endParaRPr lang="it-IT"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r>
              <a:rPr sz="1400" dirty="0" err="1">
                <a:solidFill>
                  <a:schemeClr val="tx2"/>
                </a:solidFill>
              </a:rPr>
              <a:t>Caratteristiche</a:t>
            </a:r>
            <a:r>
              <a:rPr sz="1400" dirty="0">
                <a:solidFill>
                  <a:schemeClr val="tx2"/>
                </a:solidFill>
              </a:rPr>
              <a:t> MBO: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Obiettiv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collettivi</a:t>
            </a:r>
            <a:r>
              <a:rPr sz="1400" dirty="0">
                <a:solidFill>
                  <a:schemeClr val="tx2"/>
                </a:solidFill>
              </a:rPr>
              <a:t> (</a:t>
            </a:r>
            <a:r>
              <a:rPr sz="1400" dirty="0" err="1">
                <a:solidFill>
                  <a:schemeClr val="tx2"/>
                </a:solidFill>
              </a:rPr>
              <a:t>redditività</a:t>
            </a:r>
            <a:r>
              <a:rPr sz="1400" dirty="0">
                <a:solidFill>
                  <a:schemeClr val="tx2"/>
                </a:solidFill>
              </a:rPr>
              <a:t> Gruppo/</a:t>
            </a:r>
            <a:r>
              <a:rPr sz="1400" dirty="0" err="1">
                <a:solidFill>
                  <a:schemeClr val="tx2"/>
                </a:solidFill>
              </a:rPr>
              <a:t>società</a:t>
            </a:r>
            <a:r>
              <a:rPr sz="1400" dirty="0">
                <a:solidFill>
                  <a:schemeClr val="tx2"/>
                </a:solidFill>
              </a:rPr>
              <a:t>)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Obiettiv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individuali</a:t>
            </a:r>
            <a:r>
              <a:rPr sz="1400" dirty="0">
                <a:solidFill>
                  <a:schemeClr val="tx2"/>
                </a:solidFill>
              </a:rPr>
              <a:t> (</a:t>
            </a:r>
            <a:r>
              <a:rPr sz="1400" dirty="0" err="1">
                <a:solidFill>
                  <a:schemeClr val="tx2"/>
                </a:solidFill>
              </a:rPr>
              <a:t>mansione</a:t>
            </a:r>
            <a:r>
              <a:rPr sz="1400" dirty="0">
                <a:solidFill>
                  <a:schemeClr val="tx2"/>
                </a:solidFill>
              </a:rPr>
              <a:t>, </a:t>
            </a:r>
            <a:r>
              <a:rPr sz="1400" dirty="0" err="1">
                <a:solidFill>
                  <a:schemeClr val="tx2"/>
                </a:solidFill>
              </a:rPr>
              <a:t>progetti</a:t>
            </a:r>
            <a:r>
              <a:rPr sz="1400" dirty="0">
                <a:solidFill>
                  <a:schemeClr val="tx2"/>
                </a:solidFill>
              </a:rPr>
              <a:t>)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Regola</a:t>
            </a:r>
            <a:r>
              <a:rPr sz="1400" dirty="0">
                <a:solidFill>
                  <a:schemeClr val="tx2"/>
                </a:solidFill>
              </a:rPr>
              <a:t> Bonus Pool: </a:t>
            </a:r>
            <a:r>
              <a:rPr sz="1400" dirty="0" err="1">
                <a:solidFill>
                  <a:schemeClr val="tx2"/>
                </a:solidFill>
              </a:rPr>
              <a:t>Incentivo</a:t>
            </a:r>
            <a:r>
              <a:rPr sz="1400" dirty="0">
                <a:solidFill>
                  <a:schemeClr val="tx2"/>
                </a:solidFill>
              </a:rPr>
              <a:t> = </a:t>
            </a:r>
            <a:r>
              <a:rPr sz="1400" dirty="0" err="1">
                <a:solidFill>
                  <a:schemeClr val="tx2"/>
                </a:solidFill>
              </a:rPr>
              <a:t>Fattore</a:t>
            </a:r>
            <a:r>
              <a:rPr sz="1400" dirty="0">
                <a:solidFill>
                  <a:schemeClr val="tx2"/>
                </a:solidFill>
              </a:rPr>
              <a:t> EBITDA × Target MBO × % fascia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Target MBO = 10–15% RAL (</a:t>
            </a:r>
            <a:r>
              <a:rPr sz="1400" dirty="0" err="1">
                <a:solidFill>
                  <a:schemeClr val="tx2"/>
                </a:solidFill>
              </a:rPr>
              <a:t>formalizzato</a:t>
            </a:r>
            <a:r>
              <a:rPr sz="1400" dirty="0">
                <a:solidFill>
                  <a:schemeClr val="tx2"/>
                </a:solidFill>
              </a:rPr>
              <a:t> con </a:t>
            </a:r>
            <a:r>
              <a:rPr sz="1400" dirty="0" err="1">
                <a:solidFill>
                  <a:schemeClr val="tx2"/>
                </a:solidFill>
              </a:rPr>
              <a:t>lettera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individuale</a:t>
            </a:r>
            <a:r>
              <a:rPr sz="1400" dirty="0">
                <a:solidFill>
                  <a:schemeClr val="tx2"/>
                </a:solidFill>
              </a:rPr>
              <a:t>)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EBITDA come gate: sotto </a:t>
            </a:r>
            <a:r>
              <a:rPr sz="1400" dirty="0" err="1">
                <a:solidFill>
                  <a:schemeClr val="tx2"/>
                </a:solidFill>
              </a:rPr>
              <a:t>soglia</a:t>
            </a:r>
            <a:r>
              <a:rPr sz="1400" dirty="0">
                <a:solidFill>
                  <a:schemeClr val="tx2"/>
                </a:solidFill>
              </a:rPr>
              <a:t> → </a:t>
            </a:r>
            <a:r>
              <a:rPr sz="1400" dirty="0" err="1">
                <a:solidFill>
                  <a:schemeClr val="tx2"/>
                </a:solidFill>
              </a:rPr>
              <a:t>nessuna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erogazione</a:t>
            </a:r>
            <a:endParaRPr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endParaRPr lang="it-IT"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r>
              <a:rPr sz="1400" dirty="0" err="1">
                <a:solidFill>
                  <a:schemeClr val="tx2"/>
                </a:solidFill>
              </a:rPr>
              <a:t>Import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stimat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convertibili</a:t>
            </a:r>
            <a:r>
              <a:rPr sz="1400" dirty="0">
                <a:solidFill>
                  <a:schemeClr val="tx2"/>
                </a:solidFill>
              </a:rPr>
              <a:t> in welfare: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Quadri: € 8.000 – 10.000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Impiegati</a:t>
            </a:r>
            <a:r>
              <a:rPr sz="1400" dirty="0">
                <a:solidFill>
                  <a:schemeClr val="tx2"/>
                </a:solidFill>
              </a:rPr>
              <a:t>: € 5.000 – 8.000</a:t>
            </a:r>
          </a:p>
          <a:p>
            <a:pPr>
              <a:defRPr sz="1600" b="1">
                <a:solidFill>
                  <a:srgbClr val="003366"/>
                </a:solidFill>
              </a:defRPr>
            </a:pPr>
            <a:endParaRPr lang="it-IT" sz="1400" dirty="0">
              <a:solidFill>
                <a:schemeClr val="tx2"/>
              </a:solidFill>
            </a:endParaRPr>
          </a:p>
          <a:p>
            <a:pPr>
              <a:defRPr sz="1600" b="1">
                <a:solidFill>
                  <a:srgbClr val="003366"/>
                </a:solidFill>
              </a:defRPr>
            </a:pPr>
            <a:r>
              <a:rPr sz="1400" dirty="0" err="1">
                <a:solidFill>
                  <a:schemeClr val="tx2"/>
                </a:solidFill>
              </a:rPr>
              <a:t>Situazione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attuale</a:t>
            </a:r>
            <a:r>
              <a:rPr sz="1400" dirty="0">
                <a:solidFill>
                  <a:schemeClr val="tx2"/>
                </a:solidFill>
              </a:rPr>
              <a:t>: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Intero</a:t>
            </a:r>
            <a:r>
              <a:rPr sz="1400" dirty="0">
                <a:solidFill>
                  <a:schemeClr val="tx2"/>
                </a:solidFill>
              </a:rPr>
              <a:t> MBO </a:t>
            </a:r>
            <a:r>
              <a:rPr sz="1400" dirty="0" err="1">
                <a:solidFill>
                  <a:schemeClr val="tx2"/>
                </a:solidFill>
              </a:rPr>
              <a:t>assoggettato</a:t>
            </a:r>
            <a:r>
              <a:rPr sz="1400" dirty="0">
                <a:solidFill>
                  <a:schemeClr val="tx2"/>
                </a:solidFill>
              </a:rPr>
              <a:t> a </a:t>
            </a:r>
            <a:r>
              <a:rPr sz="1400" dirty="0" err="1">
                <a:solidFill>
                  <a:schemeClr val="tx2"/>
                </a:solidFill>
              </a:rPr>
              <a:t>tassazione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ordinaria</a:t>
            </a:r>
            <a:endParaRPr sz="1400" dirty="0">
              <a:solidFill>
                <a:schemeClr val="tx2"/>
              </a:solidFill>
            </a:endParaRPr>
          </a:p>
        </p:txBody>
      </p:sp>
    </p:spTree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19760"/>
          </a:xfrm>
        </p:spPr>
        <p:txBody>
          <a:bodyPr/>
          <a:lstStyle/>
          <a:p>
            <a:r>
              <a:rPr lang="it-IT" sz="2400" dirty="0"/>
              <a:t>MBO → Welfare aziendale (Interpello n. 77/2025)</a:t>
            </a:r>
            <a:endParaRPr sz="2400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19670C5-0317-D1A9-857A-20FE59E4ED2B}"/>
              </a:ext>
            </a:extLst>
          </p:cNvPr>
          <p:cNvSpPr txBox="1"/>
          <p:nvPr/>
        </p:nvSpPr>
        <p:spPr>
          <a:xfrm>
            <a:off x="707814" y="1383030"/>
            <a:ext cx="8902911" cy="375487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>
              <a:defRPr sz="1600" b="1">
                <a:solidFill>
                  <a:srgbClr val="003366"/>
                </a:solidFill>
              </a:defRPr>
            </a:pPr>
            <a:r>
              <a:rPr sz="1400" dirty="0" err="1">
                <a:solidFill>
                  <a:schemeClr val="tx2"/>
                </a:solidFill>
              </a:rPr>
              <a:t>Riferimento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normativo</a:t>
            </a:r>
            <a:r>
              <a:rPr sz="1400" dirty="0">
                <a:solidFill>
                  <a:schemeClr val="tx2"/>
                </a:solidFill>
              </a:rPr>
              <a:t>: Art. 51 TUIR, </a:t>
            </a:r>
            <a:r>
              <a:rPr sz="1400" dirty="0" err="1">
                <a:solidFill>
                  <a:schemeClr val="tx2"/>
                </a:solidFill>
              </a:rPr>
              <a:t>commi</a:t>
            </a:r>
            <a:r>
              <a:rPr sz="1400" dirty="0">
                <a:solidFill>
                  <a:schemeClr val="tx2"/>
                </a:solidFill>
              </a:rPr>
              <a:t> 1, 2 e 3</a:t>
            </a:r>
          </a:p>
          <a:p>
            <a:pPr algn="just">
              <a:defRPr sz="1600"/>
            </a:pPr>
            <a:r>
              <a:rPr sz="1400" dirty="0">
                <a:solidFill>
                  <a:schemeClr val="tx2"/>
                </a:solidFill>
              </a:rPr>
              <a:t>   • Comma 1: principio di </a:t>
            </a:r>
            <a:r>
              <a:rPr sz="1400" dirty="0" err="1">
                <a:solidFill>
                  <a:schemeClr val="tx2"/>
                </a:solidFill>
              </a:rPr>
              <a:t>onnicomprensività</a:t>
            </a:r>
            <a:r>
              <a:rPr sz="1400" dirty="0">
                <a:solidFill>
                  <a:schemeClr val="tx2"/>
                </a:solidFill>
              </a:rPr>
              <a:t> → tutte le </a:t>
            </a:r>
            <a:r>
              <a:rPr sz="1400" dirty="0" err="1">
                <a:solidFill>
                  <a:schemeClr val="tx2"/>
                </a:solidFill>
              </a:rPr>
              <a:t>somme</a:t>
            </a:r>
            <a:r>
              <a:rPr sz="1400" dirty="0">
                <a:solidFill>
                  <a:schemeClr val="tx2"/>
                </a:solidFill>
              </a:rPr>
              <a:t> e </a:t>
            </a:r>
            <a:r>
              <a:rPr sz="1400" dirty="0" err="1">
                <a:solidFill>
                  <a:schemeClr val="tx2"/>
                </a:solidFill>
              </a:rPr>
              <a:t>valor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percepiti</a:t>
            </a:r>
            <a:r>
              <a:rPr sz="1400" dirty="0">
                <a:solidFill>
                  <a:schemeClr val="tx2"/>
                </a:solidFill>
              </a:rPr>
              <a:t> in </a:t>
            </a:r>
            <a:r>
              <a:rPr sz="1400" dirty="0" err="1">
                <a:solidFill>
                  <a:schemeClr val="tx2"/>
                </a:solidFill>
              </a:rPr>
              <a:t>relazione</a:t>
            </a:r>
            <a:r>
              <a:rPr sz="1400" dirty="0">
                <a:solidFill>
                  <a:schemeClr val="tx2"/>
                </a:solidFill>
              </a:rPr>
              <a:t> al lavoro </a:t>
            </a:r>
            <a:r>
              <a:rPr sz="1400" dirty="0" err="1">
                <a:solidFill>
                  <a:schemeClr val="tx2"/>
                </a:solidFill>
              </a:rPr>
              <a:t>costituiscono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reddito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imponibile</a:t>
            </a:r>
            <a:endParaRPr sz="1400" dirty="0">
              <a:solidFill>
                <a:schemeClr val="tx2"/>
              </a:solidFill>
            </a:endParaRPr>
          </a:p>
          <a:p>
            <a:pPr algn="just"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Commi</a:t>
            </a:r>
            <a:r>
              <a:rPr sz="1400" dirty="0">
                <a:solidFill>
                  <a:schemeClr val="tx2"/>
                </a:solidFill>
              </a:rPr>
              <a:t> 2 e 3: </a:t>
            </a:r>
            <a:r>
              <a:rPr sz="1400" dirty="0" err="1">
                <a:solidFill>
                  <a:schemeClr val="tx2"/>
                </a:solidFill>
              </a:rPr>
              <a:t>deroghe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parziali</a:t>
            </a:r>
            <a:r>
              <a:rPr sz="1400" dirty="0">
                <a:solidFill>
                  <a:schemeClr val="tx2"/>
                </a:solidFill>
              </a:rPr>
              <a:t> o </a:t>
            </a:r>
            <a:r>
              <a:rPr sz="1400" dirty="0" err="1">
                <a:solidFill>
                  <a:schemeClr val="tx2"/>
                </a:solidFill>
              </a:rPr>
              <a:t>totali</a:t>
            </a:r>
            <a:r>
              <a:rPr sz="1400" dirty="0">
                <a:solidFill>
                  <a:schemeClr val="tx2"/>
                </a:solidFill>
              </a:rPr>
              <a:t>, </a:t>
            </a:r>
            <a:r>
              <a:rPr sz="1400" dirty="0" err="1">
                <a:solidFill>
                  <a:schemeClr val="tx2"/>
                </a:solidFill>
              </a:rPr>
              <a:t>limitate</a:t>
            </a:r>
            <a:r>
              <a:rPr sz="1400" dirty="0">
                <a:solidFill>
                  <a:schemeClr val="tx2"/>
                </a:solidFill>
              </a:rPr>
              <a:t> a </a:t>
            </a:r>
            <a:r>
              <a:rPr sz="1400" dirty="0" err="1">
                <a:solidFill>
                  <a:schemeClr val="tx2"/>
                </a:solidFill>
              </a:rPr>
              <a:t>specific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beni</a:t>
            </a:r>
            <a:r>
              <a:rPr sz="1400" dirty="0">
                <a:solidFill>
                  <a:schemeClr val="tx2"/>
                </a:solidFill>
              </a:rPr>
              <a:t>, </a:t>
            </a:r>
            <a:r>
              <a:rPr sz="1400" dirty="0" err="1">
                <a:solidFill>
                  <a:schemeClr val="tx2"/>
                </a:solidFill>
              </a:rPr>
              <a:t>servizi</a:t>
            </a:r>
            <a:r>
              <a:rPr sz="1400" dirty="0">
                <a:solidFill>
                  <a:schemeClr val="tx2"/>
                </a:solidFill>
              </a:rPr>
              <a:t> e </a:t>
            </a:r>
            <a:r>
              <a:rPr sz="1400" dirty="0" err="1">
                <a:solidFill>
                  <a:schemeClr val="tx2"/>
                </a:solidFill>
              </a:rPr>
              <a:t>rimborsi</a:t>
            </a:r>
            <a:r>
              <a:rPr sz="1400" dirty="0">
                <a:solidFill>
                  <a:schemeClr val="tx2"/>
                </a:solidFill>
              </a:rPr>
              <a:t>, </a:t>
            </a:r>
            <a:r>
              <a:rPr sz="1400" dirty="0" err="1">
                <a:solidFill>
                  <a:schemeClr val="tx2"/>
                </a:solidFill>
              </a:rPr>
              <a:t>purché</a:t>
            </a:r>
            <a:r>
              <a:rPr sz="1400" dirty="0">
                <a:solidFill>
                  <a:schemeClr val="tx2"/>
                </a:solidFill>
              </a:rPr>
              <a:t> non </a:t>
            </a:r>
            <a:r>
              <a:rPr sz="1400" dirty="0" err="1">
                <a:solidFill>
                  <a:schemeClr val="tx2"/>
                </a:solidFill>
              </a:rPr>
              <a:t>configurino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aggiramento</a:t>
            </a:r>
            <a:r>
              <a:rPr sz="1400" dirty="0">
                <a:solidFill>
                  <a:schemeClr val="tx2"/>
                </a:solidFill>
              </a:rPr>
              <a:t> del principio di </a:t>
            </a:r>
            <a:r>
              <a:rPr sz="1400" dirty="0" err="1">
                <a:solidFill>
                  <a:schemeClr val="tx2"/>
                </a:solidFill>
              </a:rPr>
              <a:t>capacità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contributiva</a:t>
            </a:r>
            <a:endParaRPr sz="1400" dirty="0">
              <a:solidFill>
                <a:schemeClr val="tx2"/>
              </a:solidFill>
            </a:endParaRPr>
          </a:p>
          <a:p>
            <a:pPr algn="just">
              <a:defRPr sz="1600" b="1">
                <a:solidFill>
                  <a:srgbClr val="003366"/>
                </a:solidFill>
              </a:defRPr>
            </a:pPr>
            <a:endParaRPr lang="it-IT" sz="1400" dirty="0">
              <a:solidFill>
                <a:schemeClr val="tx2"/>
              </a:solidFill>
            </a:endParaRPr>
          </a:p>
          <a:p>
            <a:pPr algn="just">
              <a:defRPr sz="1600" b="1">
                <a:solidFill>
                  <a:srgbClr val="003366"/>
                </a:solidFill>
              </a:defRPr>
            </a:pPr>
            <a:r>
              <a:rPr sz="1400" dirty="0" err="1">
                <a:solidFill>
                  <a:schemeClr val="tx2"/>
                </a:solidFill>
              </a:rPr>
              <a:t>Analisi</a:t>
            </a:r>
            <a:r>
              <a:rPr sz="1400" dirty="0">
                <a:solidFill>
                  <a:schemeClr val="tx2"/>
                </a:solidFill>
              </a:rPr>
              <a:t> A</a:t>
            </a:r>
            <a:r>
              <a:rPr lang="it-IT" sz="1400" dirty="0">
                <a:solidFill>
                  <a:schemeClr val="tx2"/>
                </a:solidFill>
              </a:rPr>
              <a:t>d</a:t>
            </a:r>
            <a:r>
              <a:rPr sz="1400" dirty="0">
                <a:solidFill>
                  <a:schemeClr val="tx2"/>
                </a:solidFill>
              </a:rPr>
              <a:t>E:</a:t>
            </a:r>
          </a:p>
          <a:p>
            <a:pPr algn="just"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Benefici</a:t>
            </a:r>
            <a:r>
              <a:rPr sz="1400" dirty="0">
                <a:solidFill>
                  <a:schemeClr val="tx2"/>
                </a:solidFill>
              </a:rPr>
              <a:t> MBO </a:t>
            </a:r>
            <a:r>
              <a:rPr sz="1400" dirty="0" err="1">
                <a:solidFill>
                  <a:schemeClr val="tx2"/>
                </a:solidFill>
              </a:rPr>
              <a:t>hanno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finalità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premiale</a:t>
            </a:r>
            <a:r>
              <a:rPr sz="1400" dirty="0">
                <a:solidFill>
                  <a:schemeClr val="tx2"/>
                </a:solidFill>
              </a:rPr>
              <a:t> (</a:t>
            </a:r>
            <a:r>
              <a:rPr sz="1400" dirty="0" err="1">
                <a:solidFill>
                  <a:schemeClr val="tx2"/>
                </a:solidFill>
              </a:rPr>
              <a:t>collettiva</a:t>
            </a:r>
            <a:r>
              <a:rPr sz="1400" dirty="0">
                <a:solidFill>
                  <a:schemeClr val="tx2"/>
                </a:solidFill>
              </a:rPr>
              <a:t> o </a:t>
            </a:r>
            <a:r>
              <a:rPr sz="1400" dirty="0" err="1">
                <a:solidFill>
                  <a:schemeClr val="tx2"/>
                </a:solidFill>
              </a:rPr>
              <a:t>individuale</a:t>
            </a:r>
            <a:r>
              <a:rPr sz="1400" dirty="0">
                <a:solidFill>
                  <a:schemeClr val="tx2"/>
                </a:solidFill>
              </a:rPr>
              <a:t>), non </a:t>
            </a:r>
            <a:r>
              <a:rPr sz="1400" dirty="0" err="1">
                <a:solidFill>
                  <a:schemeClr val="tx2"/>
                </a:solidFill>
              </a:rPr>
              <a:t>generica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fidelizzazione</a:t>
            </a:r>
            <a:endParaRPr sz="1400" dirty="0">
              <a:solidFill>
                <a:schemeClr val="tx2"/>
              </a:solidFill>
            </a:endParaRPr>
          </a:p>
          <a:p>
            <a:pPr algn="just"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Destinatar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individuati</a:t>
            </a:r>
            <a:r>
              <a:rPr sz="1400" dirty="0">
                <a:solidFill>
                  <a:schemeClr val="tx2"/>
                </a:solidFill>
              </a:rPr>
              <a:t> in base a performance → non </a:t>
            </a:r>
            <a:r>
              <a:rPr sz="1400" dirty="0" err="1">
                <a:solidFill>
                  <a:schemeClr val="tx2"/>
                </a:solidFill>
              </a:rPr>
              <a:t>rientrano</a:t>
            </a:r>
            <a:r>
              <a:rPr sz="1400" dirty="0">
                <a:solidFill>
                  <a:schemeClr val="tx2"/>
                </a:solidFill>
              </a:rPr>
              <a:t> in '</a:t>
            </a:r>
            <a:r>
              <a:rPr sz="1400" dirty="0" err="1">
                <a:solidFill>
                  <a:schemeClr val="tx2"/>
                </a:solidFill>
              </a:rPr>
              <a:t>generalità</a:t>
            </a:r>
            <a:r>
              <a:rPr sz="1400" dirty="0">
                <a:solidFill>
                  <a:schemeClr val="tx2"/>
                </a:solidFill>
              </a:rPr>
              <a:t>' o '</a:t>
            </a:r>
            <a:r>
              <a:rPr sz="1400" dirty="0" err="1">
                <a:solidFill>
                  <a:schemeClr val="tx2"/>
                </a:solidFill>
              </a:rPr>
              <a:t>categorie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omogenee</a:t>
            </a:r>
            <a:r>
              <a:rPr sz="1400" dirty="0">
                <a:solidFill>
                  <a:schemeClr val="tx2"/>
                </a:solidFill>
              </a:rPr>
              <a:t>'</a:t>
            </a:r>
          </a:p>
          <a:p>
            <a:pPr algn="just">
              <a:defRPr sz="1600"/>
            </a:pPr>
            <a:r>
              <a:rPr sz="1400" dirty="0">
                <a:solidFill>
                  <a:schemeClr val="tx2"/>
                </a:solidFill>
              </a:rPr>
              <a:t>   • Detassazione </a:t>
            </a:r>
            <a:r>
              <a:rPr sz="1400" dirty="0" err="1">
                <a:solidFill>
                  <a:schemeClr val="tx2"/>
                </a:solidFill>
              </a:rPr>
              <a:t>commi</a:t>
            </a:r>
            <a:r>
              <a:rPr sz="1400" dirty="0">
                <a:solidFill>
                  <a:schemeClr val="tx2"/>
                </a:solidFill>
              </a:rPr>
              <a:t> 2 e 3 non </a:t>
            </a:r>
            <a:r>
              <a:rPr sz="1400" dirty="0" err="1">
                <a:solidFill>
                  <a:schemeClr val="tx2"/>
                </a:solidFill>
              </a:rPr>
              <a:t>estensibile</a:t>
            </a:r>
            <a:r>
              <a:rPr sz="1400" dirty="0">
                <a:solidFill>
                  <a:schemeClr val="tx2"/>
                </a:solidFill>
              </a:rPr>
              <a:t> a </a:t>
            </a:r>
            <a:r>
              <a:rPr sz="1400" dirty="0" err="1">
                <a:solidFill>
                  <a:schemeClr val="tx2"/>
                </a:solidFill>
              </a:rPr>
              <a:t>sistem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premial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selettivi</a:t>
            </a:r>
            <a:r>
              <a:rPr sz="1400" dirty="0">
                <a:solidFill>
                  <a:schemeClr val="tx2"/>
                </a:solidFill>
              </a:rPr>
              <a:t> o </a:t>
            </a:r>
            <a:r>
              <a:rPr sz="1400" dirty="0" err="1">
                <a:solidFill>
                  <a:schemeClr val="tx2"/>
                </a:solidFill>
              </a:rPr>
              <a:t>conversione</a:t>
            </a:r>
            <a:r>
              <a:rPr sz="1400" dirty="0">
                <a:solidFill>
                  <a:schemeClr val="tx2"/>
                </a:solidFill>
              </a:rPr>
              <a:t> di </a:t>
            </a:r>
            <a:r>
              <a:rPr sz="1400" dirty="0" err="1">
                <a:solidFill>
                  <a:schemeClr val="tx2"/>
                </a:solidFill>
              </a:rPr>
              <a:t>retribuzione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imponibile</a:t>
            </a:r>
            <a:endParaRPr sz="1400" dirty="0">
              <a:solidFill>
                <a:schemeClr val="tx2"/>
              </a:solidFill>
            </a:endParaRPr>
          </a:p>
          <a:p>
            <a:pPr algn="just">
              <a:defRPr sz="1600" b="1">
                <a:solidFill>
                  <a:srgbClr val="003366"/>
                </a:solidFill>
              </a:defRPr>
            </a:pPr>
            <a:endParaRPr lang="it-IT" sz="1400" dirty="0">
              <a:solidFill>
                <a:schemeClr val="tx2"/>
              </a:solidFill>
            </a:endParaRPr>
          </a:p>
          <a:p>
            <a:pPr algn="just">
              <a:defRPr sz="1600" b="1">
                <a:solidFill>
                  <a:srgbClr val="003366"/>
                </a:solidFill>
              </a:defRPr>
            </a:pPr>
            <a:r>
              <a:rPr sz="1400" dirty="0" err="1">
                <a:solidFill>
                  <a:schemeClr val="tx2"/>
                </a:solidFill>
              </a:rPr>
              <a:t>Riferiment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normativ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aggiuntivi</a:t>
            </a:r>
            <a:r>
              <a:rPr sz="1400" dirty="0">
                <a:solidFill>
                  <a:schemeClr val="tx2"/>
                </a:solidFill>
              </a:rPr>
              <a:t>:</a:t>
            </a:r>
          </a:p>
          <a:p>
            <a:pPr algn="just"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Legge</a:t>
            </a:r>
            <a:r>
              <a:rPr sz="1400" dirty="0">
                <a:solidFill>
                  <a:schemeClr val="tx2"/>
                </a:solidFill>
              </a:rPr>
              <a:t> 28 </a:t>
            </a:r>
            <a:r>
              <a:rPr sz="1400" dirty="0" err="1">
                <a:solidFill>
                  <a:schemeClr val="tx2"/>
                </a:solidFill>
              </a:rPr>
              <a:t>dicembre</a:t>
            </a:r>
            <a:r>
              <a:rPr sz="1400" dirty="0">
                <a:solidFill>
                  <a:schemeClr val="tx2"/>
                </a:solidFill>
              </a:rPr>
              <a:t> 2015, n. 208 (</a:t>
            </a:r>
            <a:r>
              <a:rPr sz="1400" dirty="0" err="1">
                <a:solidFill>
                  <a:schemeClr val="tx2"/>
                </a:solidFill>
              </a:rPr>
              <a:t>Stabilità</a:t>
            </a:r>
            <a:r>
              <a:rPr sz="1400" dirty="0">
                <a:solidFill>
                  <a:schemeClr val="tx2"/>
                </a:solidFill>
              </a:rPr>
              <a:t> 2016), </a:t>
            </a:r>
            <a:r>
              <a:rPr sz="1400" dirty="0" err="1">
                <a:solidFill>
                  <a:schemeClr val="tx2"/>
                </a:solidFill>
              </a:rPr>
              <a:t>commi</a:t>
            </a:r>
            <a:r>
              <a:rPr sz="1400" dirty="0">
                <a:solidFill>
                  <a:schemeClr val="tx2"/>
                </a:solidFill>
              </a:rPr>
              <a:t> 182–184: </a:t>
            </a:r>
            <a:r>
              <a:rPr sz="1400" dirty="0" err="1">
                <a:solidFill>
                  <a:schemeClr val="tx2"/>
                </a:solidFill>
              </a:rPr>
              <a:t>premi</a:t>
            </a:r>
            <a:r>
              <a:rPr sz="1400" dirty="0">
                <a:solidFill>
                  <a:schemeClr val="tx2"/>
                </a:solidFill>
              </a:rPr>
              <a:t> di </a:t>
            </a:r>
            <a:r>
              <a:rPr sz="1400" dirty="0" err="1">
                <a:solidFill>
                  <a:schemeClr val="tx2"/>
                </a:solidFill>
              </a:rPr>
              <a:t>risultato</a:t>
            </a:r>
            <a:r>
              <a:rPr sz="1400" dirty="0">
                <a:solidFill>
                  <a:schemeClr val="tx2"/>
                </a:solidFill>
              </a:rPr>
              <a:t> con </a:t>
            </a:r>
            <a:r>
              <a:rPr sz="1400" dirty="0" err="1">
                <a:solidFill>
                  <a:schemeClr val="tx2"/>
                </a:solidFill>
              </a:rPr>
              <a:t>imposta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sostitutiva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lang="it-IT" sz="1400" dirty="0">
                <a:solidFill>
                  <a:schemeClr val="tx2"/>
                </a:solidFill>
              </a:rPr>
              <a:t>5</a:t>
            </a:r>
            <a:r>
              <a:rPr sz="1400" dirty="0">
                <a:solidFill>
                  <a:schemeClr val="tx2"/>
                </a:solidFill>
              </a:rPr>
              <a:t>% </a:t>
            </a:r>
            <a:r>
              <a:rPr sz="1400" dirty="0" err="1">
                <a:solidFill>
                  <a:schemeClr val="tx2"/>
                </a:solidFill>
              </a:rPr>
              <a:t>fino</a:t>
            </a:r>
            <a:r>
              <a:rPr sz="1400" dirty="0">
                <a:solidFill>
                  <a:schemeClr val="tx2"/>
                </a:solidFill>
              </a:rPr>
              <a:t> a €3.000</a:t>
            </a:r>
          </a:p>
          <a:p>
            <a:pPr algn="just">
              <a:defRPr sz="1600"/>
            </a:pPr>
            <a:r>
              <a:rPr sz="1400" dirty="0">
                <a:solidFill>
                  <a:schemeClr val="tx2"/>
                </a:solidFill>
              </a:rPr>
              <a:t>   • Circolare AE 28/E/2016, par.3: detassazione </a:t>
            </a:r>
            <a:r>
              <a:rPr sz="1400" dirty="0" err="1">
                <a:solidFill>
                  <a:schemeClr val="tx2"/>
                </a:solidFill>
              </a:rPr>
              <a:t>dei</a:t>
            </a:r>
            <a:r>
              <a:rPr sz="1400" dirty="0">
                <a:solidFill>
                  <a:schemeClr val="tx2"/>
                </a:solidFill>
              </a:rPr>
              <a:t> benefit solo se </a:t>
            </a:r>
            <a:r>
              <a:rPr sz="1400" dirty="0" err="1">
                <a:solidFill>
                  <a:schemeClr val="tx2"/>
                </a:solidFill>
              </a:rPr>
              <a:t>sostituiscono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premi</a:t>
            </a:r>
            <a:r>
              <a:rPr sz="1400" dirty="0">
                <a:solidFill>
                  <a:schemeClr val="tx2"/>
                </a:solidFill>
              </a:rPr>
              <a:t> di </a:t>
            </a:r>
            <a:r>
              <a:rPr sz="1400" dirty="0" err="1">
                <a:solidFill>
                  <a:schemeClr val="tx2"/>
                </a:solidFill>
              </a:rPr>
              <a:t>risultato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assoggettati</a:t>
            </a:r>
            <a:r>
              <a:rPr sz="1400" dirty="0">
                <a:solidFill>
                  <a:schemeClr val="tx2"/>
                </a:solidFill>
              </a:rPr>
              <a:t> a comma 182</a:t>
            </a:r>
          </a:p>
        </p:txBody>
      </p:sp>
    </p:spTree>
    <p:extLst>
      <p:ext uri="{BB962C8B-B14F-4D97-AF65-F5344CB8AC3E}">
        <p14:creationId xmlns:p14="http://schemas.microsoft.com/office/powerpoint/2010/main" val="2301407564"/>
      </p:ext>
    </p:extLst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Box 2">
            <a:extLst>
              <a:ext uri="{FF2B5EF4-FFF2-40B4-BE49-F238E27FC236}">
                <a16:creationId xmlns:a16="http://schemas.microsoft.com/office/drawing/2014/main" id="{719670C5-0317-D1A9-857A-20FE59E4ED2B}"/>
              </a:ext>
            </a:extLst>
          </p:cNvPr>
          <p:cNvSpPr txBox="1"/>
          <p:nvPr/>
        </p:nvSpPr>
        <p:spPr>
          <a:xfrm>
            <a:off x="677334" y="1463040"/>
            <a:ext cx="8952441" cy="184665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defRPr sz="1600" b="1">
                <a:solidFill>
                  <a:srgbClr val="003366"/>
                </a:solidFill>
              </a:defRPr>
            </a:pPr>
            <a:r>
              <a:rPr sz="1400" dirty="0" err="1">
                <a:solidFill>
                  <a:schemeClr val="tx2"/>
                </a:solidFill>
              </a:rPr>
              <a:t>Conclusione</a:t>
            </a:r>
            <a:r>
              <a:rPr sz="1400" dirty="0">
                <a:solidFill>
                  <a:schemeClr val="tx2"/>
                </a:solidFill>
              </a:rPr>
              <a:t> A</a:t>
            </a:r>
            <a:r>
              <a:rPr lang="it-IT" sz="1400" dirty="0">
                <a:solidFill>
                  <a:schemeClr val="tx2"/>
                </a:solidFill>
              </a:rPr>
              <a:t>d</a:t>
            </a:r>
            <a:r>
              <a:rPr sz="1400" dirty="0">
                <a:solidFill>
                  <a:schemeClr val="tx2"/>
                </a:solidFill>
              </a:rPr>
              <a:t>E: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Conversione</a:t>
            </a:r>
            <a:r>
              <a:rPr sz="1400" dirty="0">
                <a:solidFill>
                  <a:schemeClr val="tx2"/>
                </a:solidFill>
              </a:rPr>
              <a:t> MBO in welfare non </a:t>
            </a:r>
            <a:r>
              <a:rPr sz="1400" dirty="0" err="1">
                <a:solidFill>
                  <a:schemeClr val="tx2"/>
                </a:solidFill>
              </a:rPr>
              <a:t>rientra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ne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benefic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fiscal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lang="it-IT" sz="1400" dirty="0">
                <a:solidFill>
                  <a:schemeClr val="tx2"/>
                </a:solidFill>
              </a:rPr>
              <a:t>ex </a:t>
            </a:r>
            <a:r>
              <a:rPr sz="1400" dirty="0">
                <a:solidFill>
                  <a:schemeClr val="tx2"/>
                </a:solidFill>
              </a:rPr>
              <a:t>art. 51 TUIR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• </a:t>
            </a:r>
            <a:r>
              <a:rPr sz="1400" dirty="0" err="1">
                <a:solidFill>
                  <a:schemeClr val="tx2"/>
                </a:solidFill>
              </a:rPr>
              <a:t>Motivi</a:t>
            </a:r>
            <a:r>
              <a:rPr sz="1400" dirty="0">
                <a:solidFill>
                  <a:schemeClr val="tx2"/>
                </a:solidFill>
              </a:rPr>
              <a:t>:</a:t>
            </a: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   1. Sistema </a:t>
            </a:r>
            <a:r>
              <a:rPr sz="1400" dirty="0" err="1">
                <a:solidFill>
                  <a:schemeClr val="tx2"/>
                </a:solidFill>
              </a:rPr>
              <a:t>premiale</a:t>
            </a:r>
            <a:r>
              <a:rPr sz="1400" dirty="0">
                <a:solidFill>
                  <a:schemeClr val="tx2"/>
                </a:solidFill>
              </a:rPr>
              <a:t> e non </a:t>
            </a:r>
            <a:r>
              <a:rPr sz="1400" dirty="0" err="1">
                <a:solidFill>
                  <a:schemeClr val="tx2"/>
                </a:solidFill>
              </a:rPr>
              <a:t>generalizzato</a:t>
            </a:r>
            <a:endParaRPr sz="1400" dirty="0">
              <a:solidFill>
                <a:schemeClr val="tx2"/>
              </a:solidFill>
            </a:endParaRP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   2. </a:t>
            </a:r>
            <a:r>
              <a:rPr sz="1400" dirty="0" err="1">
                <a:solidFill>
                  <a:schemeClr val="tx2"/>
                </a:solidFill>
              </a:rPr>
              <a:t>Destinatari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selezionati</a:t>
            </a:r>
            <a:r>
              <a:rPr sz="1400" dirty="0">
                <a:solidFill>
                  <a:schemeClr val="tx2"/>
                </a:solidFill>
              </a:rPr>
              <a:t>, non </a:t>
            </a:r>
            <a:r>
              <a:rPr sz="1400" dirty="0" err="1">
                <a:solidFill>
                  <a:schemeClr val="tx2"/>
                </a:solidFill>
              </a:rPr>
              <a:t>categorie</a:t>
            </a:r>
            <a:r>
              <a:rPr sz="1400" dirty="0">
                <a:solidFill>
                  <a:schemeClr val="tx2"/>
                </a:solidFill>
              </a:rPr>
              <a:t>/</a:t>
            </a:r>
            <a:r>
              <a:rPr sz="1400" dirty="0" err="1">
                <a:solidFill>
                  <a:schemeClr val="tx2"/>
                </a:solidFill>
              </a:rPr>
              <a:t>generalità</a:t>
            </a:r>
            <a:endParaRPr sz="1400" dirty="0">
              <a:solidFill>
                <a:schemeClr val="tx2"/>
              </a:solidFill>
            </a:endParaRP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   3. </a:t>
            </a:r>
            <a:r>
              <a:rPr sz="1400" dirty="0" err="1">
                <a:solidFill>
                  <a:schemeClr val="tx2"/>
                </a:solidFill>
              </a:rPr>
              <a:t>Scelta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denaro</a:t>
            </a:r>
            <a:r>
              <a:rPr sz="1400" dirty="0">
                <a:solidFill>
                  <a:schemeClr val="tx2"/>
                </a:solidFill>
              </a:rPr>
              <a:t>/welfare non </a:t>
            </a:r>
            <a:r>
              <a:rPr sz="1400" dirty="0" err="1">
                <a:solidFill>
                  <a:schemeClr val="tx2"/>
                </a:solidFill>
              </a:rPr>
              <a:t>modifica</a:t>
            </a:r>
            <a:r>
              <a:rPr sz="1400" dirty="0">
                <a:solidFill>
                  <a:schemeClr val="tx2"/>
                </a:solidFill>
              </a:rPr>
              <a:t> natura </a:t>
            </a:r>
            <a:r>
              <a:rPr sz="1400" dirty="0" err="1">
                <a:solidFill>
                  <a:schemeClr val="tx2"/>
                </a:solidFill>
              </a:rPr>
              <a:t>imponibile</a:t>
            </a:r>
            <a:endParaRPr sz="1400" dirty="0">
              <a:solidFill>
                <a:schemeClr val="tx2"/>
              </a:solidFill>
            </a:endParaRPr>
          </a:p>
          <a:p>
            <a:pPr>
              <a:defRPr sz="1600"/>
            </a:pPr>
            <a:r>
              <a:rPr sz="1400" dirty="0">
                <a:solidFill>
                  <a:schemeClr val="tx2"/>
                </a:solidFill>
              </a:rPr>
              <a:t>      4. </a:t>
            </a:r>
            <a:r>
              <a:rPr sz="1400" dirty="0" err="1">
                <a:solidFill>
                  <a:schemeClr val="tx2"/>
                </a:solidFill>
              </a:rPr>
              <a:t>Disciplina</a:t>
            </a:r>
            <a:r>
              <a:rPr sz="1400" dirty="0">
                <a:solidFill>
                  <a:schemeClr val="tx2"/>
                </a:solidFill>
              </a:rPr>
              <a:t> </a:t>
            </a:r>
            <a:r>
              <a:rPr sz="1400" dirty="0" err="1">
                <a:solidFill>
                  <a:schemeClr val="tx2"/>
                </a:solidFill>
              </a:rPr>
              <a:t>agevolativa</a:t>
            </a:r>
            <a:r>
              <a:rPr sz="1400" dirty="0">
                <a:solidFill>
                  <a:schemeClr val="tx2"/>
                </a:solidFill>
              </a:rPr>
              <a:t> comma 184 L.208/2015 </a:t>
            </a:r>
            <a:r>
              <a:rPr sz="1400" dirty="0" err="1">
                <a:solidFill>
                  <a:schemeClr val="tx2"/>
                </a:solidFill>
              </a:rPr>
              <a:t>applicabile</a:t>
            </a:r>
            <a:r>
              <a:rPr sz="1400" dirty="0">
                <a:solidFill>
                  <a:schemeClr val="tx2"/>
                </a:solidFill>
              </a:rPr>
              <a:t> solo a </a:t>
            </a:r>
            <a:r>
              <a:rPr sz="1400" dirty="0" err="1">
                <a:solidFill>
                  <a:schemeClr val="tx2"/>
                </a:solidFill>
              </a:rPr>
              <a:t>premi</a:t>
            </a:r>
            <a:r>
              <a:rPr sz="1400" dirty="0">
                <a:solidFill>
                  <a:schemeClr val="tx2"/>
                </a:solidFill>
              </a:rPr>
              <a:t> di </a:t>
            </a:r>
            <a:r>
              <a:rPr sz="1400" dirty="0" err="1">
                <a:solidFill>
                  <a:schemeClr val="tx2"/>
                </a:solidFill>
              </a:rPr>
              <a:t>risultato</a:t>
            </a:r>
            <a:r>
              <a:rPr lang="it-IT" sz="1400" dirty="0">
                <a:solidFill>
                  <a:schemeClr val="tx2"/>
                </a:solidFill>
              </a:rPr>
              <a:t> agevolati</a:t>
            </a:r>
          </a:p>
          <a:p>
            <a:pPr>
              <a:defRPr sz="1600"/>
            </a:pPr>
            <a:endParaRPr dirty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E564377F-E278-6AA6-C57F-0E23E38648F7}"/>
              </a:ext>
            </a:extLst>
          </p:cNvPr>
          <p:cNvSpPr txBox="1">
            <a:spLocks/>
          </p:cNvSpPr>
          <p:nvPr/>
        </p:nvSpPr>
        <p:spPr>
          <a:xfrm>
            <a:off x="677334" y="609600"/>
            <a:ext cx="8596668" cy="61976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600" kern="120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it-IT" sz="2400" dirty="0"/>
              <a:t>MBO → Welfare aziendale (Interpello n. 77/2025)</a:t>
            </a:r>
          </a:p>
        </p:txBody>
      </p:sp>
    </p:spTree>
    <p:extLst>
      <p:ext uri="{BB962C8B-B14F-4D97-AF65-F5344CB8AC3E}">
        <p14:creationId xmlns:p14="http://schemas.microsoft.com/office/powerpoint/2010/main" val="2645824583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E564377F-E278-6AA6-C57F-0E23E38648F7}"/>
              </a:ext>
            </a:extLst>
          </p:cNvPr>
          <p:cNvSpPr txBox="1">
            <a:spLocks/>
          </p:cNvSpPr>
          <p:nvPr/>
        </p:nvSpPr>
        <p:spPr>
          <a:xfrm>
            <a:off x="528320" y="518160"/>
            <a:ext cx="8596668" cy="619760"/>
          </a:xfrm>
          <a:prstGeom prst="rect">
            <a:avLst/>
          </a:prstGeom>
        </p:spPr>
        <p:txBody>
          <a:bodyPr vert="horz" lIns="91440" tIns="45720" rIns="91440" bIns="45720" rtlCol="0" anchor="t">
            <a:normAutofit fontScale="92500"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600" kern="120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it-IT" sz="2400" dirty="0"/>
              <a:t>Indennità obsolete → Welfare aziendale (Interpello n. 195/2025)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ABE9599-D3BF-4F8F-B38D-0EFD9A050F60}"/>
              </a:ext>
            </a:extLst>
          </p:cNvPr>
          <p:cNvSpPr txBox="1"/>
          <p:nvPr/>
        </p:nvSpPr>
        <p:spPr>
          <a:xfrm>
            <a:off x="528320" y="1259840"/>
            <a:ext cx="9063355" cy="33239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1400" dirty="0"/>
              <a:t>Quesito: La società chiede se la quota di retribuzione relativa a indennità obsolete, convertita dai dipendenti in prestazioni di welfare, possa fruire del regime di esclusione dal reddito di lavoro dipendente (art. 51, c.2 e c.3 TUIR).</a:t>
            </a:r>
          </a:p>
          <a:p>
            <a:r>
              <a:rPr lang="it-IT" sz="1400" dirty="0"/>
              <a:t>Le indennità obsolete vengono soppresse dal 1° gennaio 2025 secondo il CCNL.</a:t>
            </a:r>
          </a:p>
          <a:p>
            <a:r>
              <a:rPr lang="it-IT" sz="1400" dirty="0"/>
              <a:t>I dipendenti interessati possono:</a:t>
            </a:r>
          </a:p>
          <a:p>
            <a:pPr marL="285750" indent="-285750">
              <a:buFont typeface="Wingdings" panose="05000000000000000000" pitchFamily="2" charset="2"/>
              <a:buChar char="ü"/>
            </a:pPr>
            <a:r>
              <a:rPr lang="it-IT" sz="1400" dirty="0"/>
              <a:t>Ricevere l’importo in denaro (ad personam).</a:t>
            </a:r>
          </a:p>
          <a:p>
            <a:pPr marL="285750" indent="-285750">
              <a:buFont typeface="Wingdings" panose="05000000000000000000" pitchFamily="2" charset="2"/>
              <a:buChar char="ü"/>
            </a:pPr>
            <a:r>
              <a:rPr lang="it-IT" sz="1400" dirty="0"/>
              <a:t>Convertirlo in welfare aziendale.</a:t>
            </a:r>
          </a:p>
          <a:p>
            <a:endParaRPr lang="it-IT" sz="1400" dirty="0"/>
          </a:p>
          <a:p>
            <a:r>
              <a:rPr lang="it-IT" sz="1400" dirty="0"/>
              <a:t>Soluzione prospettata dal contribuente</a:t>
            </a:r>
          </a:p>
          <a:p>
            <a:r>
              <a:rPr lang="it-IT" sz="1400" dirty="0"/>
              <a:t>Esenzione fiscale prevista per i dipendenti che:</a:t>
            </a:r>
          </a:p>
          <a:p>
            <a:pPr marL="285750" indent="-285750">
              <a:buFont typeface="Wingdings" panose="05000000000000000000" pitchFamily="2" charset="2"/>
              <a:buChar char="ü"/>
            </a:pPr>
            <a:r>
              <a:rPr lang="it-IT" sz="1400" dirty="0"/>
              <a:t>percepivano le indennità soppresse al 31/12/2024;</a:t>
            </a:r>
          </a:p>
          <a:p>
            <a:pPr marL="285750" indent="-285750">
              <a:buFont typeface="Wingdings" panose="05000000000000000000" pitchFamily="2" charset="2"/>
              <a:buChar char="ü"/>
            </a:pPr>
            <a:r>
              <a:rPr lang="it-IT" sz="1400" dirty="0"/>
              <a:t>hanno scelto di convertire l’importo in welfare aziendale.</a:t>
            </a:r>
          </a:p>
          <a:p>
            <a:r>
              <a:rPr lang="it-IT" sz="1400" dirty="0"/>
              <a:t>Obiettivo dichiarato: incentivare fidelizzazione e soddisfazione dei dipendenti.</a:t>
            </a:r>
          </a:p>
          <a:p>
            <a:endParaRPr lang="it-IT" sz="1400" dirty="0"/>
          </a:p>
          <a:p>
            <a:r>
              <a:rPr lang="it-IT" sz="1400" dirty="0"/>
              <a:t>I dipendenti senza scelta riceveranno la somma in denaro (100% del valore medio 5 anni).</a:t>
            </a:r>
          </a:p>
        </p:txBody>
      </p:sp>
    </p:spTree>
    <p:extLst>
      <p:ext uri="{BB962C8B-B14F-4D97-AF65-F5344CB8AC3E}">
        <p14:creationId xmlns:p14="http://schemas.microsoft.com/office/powerpoint/2010/main" val="2445328380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Box 12">
            <a:extLst>
              <a:ext uri="{FF2B5EF4-FFF2-40B4-BE49-F238E27FC236}">
                <a16:creationId xmlns:a16="http://schemas.microsoft.com/office/drawing/2014/main" id="{3ABE9599-D3BF-4F8F-B38D-0EFD9A050F60}"/>
              </a:ext>
            </a:extLst>
          </p:cNvPr>
          <p:cNvSpPr txBox="1"/>
          <p:nvPr/>
        </p:nvSpPr>
        <p:spPr>
          <a:xfrm>
            <a:off x="528320" y="1270000"/>
            <a:ext cx="9044305" cy="33239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just"/>
            <a:r>
              <a:rPr lang="it-IT" sz="1400" dirty="0"/>
              <a:t>Principio generale (Art. 51 TUIR) Comma 1: reddito di lavoro dipendente include tutte le somme e valori percepiti, anche in natura.</a:t>
            </a:r>
          </a:p>
          <a:p>
            <a:pPr algn="just"/>
            <a:r>
              <a:rPr lang="it-IT" sz="1400" dirty="0"/>
              <a:t>Principio di onnicomprensività: tutti i valori percepiti in relazione al rapporto di lavoro concorrono al reddito imponibile.</a:t>
            </a:r>
          </a:p>
          <a:p>
            <a:pPr algn="just"/>
            <a:r>
              <a:rPr lang="it-IT" sz="1400" dirty="0"/>
              <a:t>Comma 2 e c.3 ultimo periodo: deroghe limitate, solo per specifici benefit sociali, se non finalizzati a retribuzione aggiuntiva.</a:t>
            </a:r>
          </a:p>
          <a:p>
            <a:pPr algn="just"/>
            <a:endParaRPr lang="it-IT" sz="1400" dirty="0"/>
          </a:p>
          <a:p>
            <a:pPr algn="just"/>
            <a:r>
              <a:rPr lang="it-IT" sz="1400" dirty="0"/>
              <a:t>Prassi e vincoli</a:t>
            </a:r>
          </a:p>
          <a:p>
            <a:pPr algn="just"/>
            <a:r>
              <a:rPr lang="it-IT" sz="1400" dirty="0"/>
              <a:t>Risoluzione n. 55/E/2020: i benefit con finalità retributive non possono essere esentati.</a:t>
            </a:r>
          </a:p>
          <a:p>
            <a:pPr algn="just"/>
            <a:r>
              <a:rPr lang="it-IT" sz="1400" dirty="0"/>
              <a:t>Benefici derivanti da retribuzione fissa/variabile non possono usufruire dell’esenzione se sostituiscono somme altrimenti imponibili (sulla stessa linea Risposta n. 57/2024 sulle somme riconosciute alle lavoratrici madri, equivalenti alla differenza fra l'indennità di congedo di maternità facoltativa o di congedo parentale a carico dell'INPS, e il cento per cento della retribuzione mensile lorda).</a:t>
            </a:r>
            <a:endParaRPr lang="it-IT" sz="1400" dirty="0">
              <a:highlight>
                <a:srgbClr val="FF0000"/>
              </a:highlight>
            </a:endParaRPr>
          </a:p>
          <a:p>
            <a:pPr algn="just"/>
            <a:r>
              <a:rPr lang="it-IT" sz="1400" dirty="0"/>
              <a:t>Comma 184 L.208/2015: detassazione solo per conversione di premi di risultato o utili legati a incrementi di produttività misurabili e verificabili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92229E7-E802-7BEE-0472-97472E569FA2}"/>
              </a:ext>
            </a:extLst>
          </p:cNvPr>
          <p:cNvSpPr txBox="1">
            <a:spLocks/>
          </p:cNvSpPr>
          <p:nvPr/>
        </p:nvSpPr>
        <p:spPr>
          <a:xfrm>
            <a:off x="528320" y="650240"/>
            <a:ext cx="8596668" cy="619760"/>
          </a:xfrm>
          <a:prstGeom prst="rect">
            <a:avLst/>
          </a:prstGeom>
        </p:spPr>
        <p:txBody>
          <a:bodyPr vert="horz" lIns="91440" tIns="45720" rIns="91440" bIns="45720" rtlCol="0" anchor="t">
            <a:normAutofit fontScale="92500"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600" kern="120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it-IT" sz="2400" dirty="0"/>
              <a:t>Indennità obsolete → Welfare aziendale (Interpello n. 195/2025)</a:t>
            </a:r>
          </a:p>
        </p:txBody>
      </p:sp>
    </p:spTree>
    <p:extLst>
      <p:ext uri="{BB962C8B-B14F-4D97-AF65-F5344CB8AC3E}">
        <p14:creationId xmlns:p14="http://schemas.microsoft.com/office/powerpoint/2010/main" val="1409504690"/>
      </p:ext>
    </p:extLst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Box 12">
            <a:extLst>
              <a:ext uri="{FF2B5EF4-FFF2-40B4-BE49-F238E27FC236}">
                <a16:creationId xmlns:a16="http://schemas.microsoft.com/office/drawing/2014/main" id="{3ABE9599-D3BF-4F8F-B38D-0EFD9A050F60}"/>
              </a:ext>
            </a:extLst>
          </p:cNvPr>
          <p:cNvSpPr txBox="1"/>
          <p:nvPr/>
        </p:nvSpPr>
        <p:spPr>
          <a:xfrm>
            <a:off x="677334" y="1410970"/>
            <a:ext cx="8895291" cy="267765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1400" dirty="0"/>
              <a:t>Parere dell’Agenzia delle Entrate</a:t>
            </a:r>
          </a:p>
          <a:p>
            <a:r>
              <a:rPr lang="it-IT" sz="1400" dirty="0"/>
              <a:t>L’erogazione del welfare in sostituzione delle indennità non soddisfa i requisiti dell’art. 51 c.2 e c.3.</a:t>
            </a:r>
          </a:p>
          <a:p>
            <a:r>
              <a:rPr lang="it-IT" sz="1400" dirty="0"/>
              <a:t>La conversione in benefit: rilevante ai fini del reddito di lavoro dipendente.</a:t>
            </a:r>
          </a:p>
          <a:p>
            <a:r>
              <a:rPr lang="it-IT" sz="1400" dirty="0"/>
              <a:t>Determinazione imponibile: valore normale dei beni e servizi erogati.</a:t>
            </a:r>
          </a:p>
          <a:p>
            <a:endParaRPr lang="it-IT" sz="1400" dirty="0"/>
          </a:p>
          <a:p>
            <a:r>
              <a:rPr lang="it-IT" sz="1400" dirty="0"/>
              <a:t>Motivazione: il sistema mira a sostituire voci di retribuzione imponibile, non a garantire accesso a benefit per la generalità dei dipendenti.</a:t>
            </a:r>
          </a:p>
          <a:p>
            <a:endParaRPr lang="it-IT" sz="1400" dirty="0"/>
          </a:p>
          <a:p>
            <a:r>
              <a:rPr lang="it-IT" sz="1400" dirty="0"/>
              <a:t>Conclusione</a:t>
            </a:r>
          </a:p>
          <a:p>
            <a:r>
              <a:rPr lang="it-IT" sz="1400" dirty="0"/>
              <a:t>Le somme relative a indennità obsolete convertite in welfare sono tassabili secondo le ordinarie regole.</a:t>
            </a:r>
          </a:p>
          <a:p>
            <a:r>
              <a:rPr lang="it-IT" sz="1400" dirty="0"/>
              <a:t>Non applicabile l’esenzione prevista dall’art. 51 c.2 e c.3 TUIR.</a:t>
            </a:r>
          </a:p>
          <a:p>
            <a:r>
              <a:rPr lang="it-IT" sz="1400" dirty="0"/>
              <a:t>L’erogazione costituisce reddito imponibile a tutti gli effetti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399F22-BE9A-675A-9B4E-95B31F94D756}"/>
              </a:ext>
            </a:extLst>
          </p:cNvPr>
          <p:cNvSpPr txBox="1">
            <a:spLocks/>
          </p:cNvSpPr>
          <p:nvPr/>
        </p:nvSpPr>
        <p:spPr>
          <a:xfrm>
            <a:off x="677334" y="467360"/>
            <a:ext cx="8596668" cy="619760"/>
          </a:xfrm>
          <a:prstGeom prst="rect">
            <a:avLst/>
          </a:prstGeom>
        </p:spPr>
        <p:txBody>
          <a:bodyPr vert="horz" lIns="91440" tIns="45720" rIns="91440" bIns="45720" rtlCol="0" anchor="t">
            <a:normAutofit fontScale="92500"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600" kern="120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it-IT" sz="2400" dirty="0"/>
              <a:t>Indennità obsolete → Welfare aziendale (Interpello n. 195/2025)</a:t>
            </a:r>
          </a:p>
        </p:txBody>
      </p:sp>
    </p:spTree>
    <p:extLst>
      <p:ext uri="{BB962C8B-B14F-4D97-AF65-F5344CB8AC3E}">
        <p14:creationId xmlns:p14="http://schemas.microsoft.com/office/powerpoint/2010/main" val="3726540915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quadrani\AppData\Local\Templafy\AddIns\PowerPointVsto\Tax_GlobalCommonStorefront_hero_black_lores_006.png"/>
</p:tagLst>
</file>

<file path=ppt/theme/theme1.xml><?xml version="1.0" encoding="utf-8"?>
<a:theme xmlns:a="http://schemas.openxmlformats.org/drawingml/2006/main" name="Facet">
  <a:themeElements>
    <a:clrScheme name="Facet">
      <a:dk1>
        <a:sysClr val="windowText" lastClr="000000"/>
      </a:dk1>
      <a:lt1>
        <a:sysClr val="window" lastClr="FFFFFF"/>
      </a:lt1>
      <a:dk2>
        <a:srgbClr val="2C3C43"/>
      </a:dk2>
      <a:lt2>
        <a:srgbClr val="EBEBEB"/>
      </a:lt2>
      <a:accent1>
        <a:srgbClr val="90C226"/>
      </a:accent1>
      <a:accent2>
        <a:srgbClr val="54A021"/>
      </a:accent2>
      <a:accent3>
        <a:srgbClr val="E6B91E"/>
      </a:accent3>
      <a:accent4>
        <a:srgbClr val="E76618"/>
      </a:accent4>
      <a:accent5>
        <a:srgbClr val="C42F1A"/>
      </a:accent5>
      <a:accent6>
        <a:srgbClr val="918655"/>
      </a:accent6>
      <a:hlink>
        <a:srgbClr val="99CA3C"/>
      </a:hlink>
      <a:folHlink>
        <a:srgbClr val="B9D181"/>
      </a:folHlink>
    </a:clrScheme>
    <a:fontScheme name="Facet">
      <a:majorFont>
        <a:latin typeface="Trebuchet MS" panose="020B0603020202020204"/>
        <a:ea typeface=""/>
        <a:cs typeface=""/>
        <a:font script="Jpan" typeface="メイリオ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メイリオ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Facet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lumMod val="110000"/>
              </a:schemeClr>
            </a:gs>
            <a:gs pos="88000">
              <a:schemeClr val="phClr">
                <a:tint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0000"/>
              </a:schemeClr>
            </a:gs>
            <a:gs pos="78000">
              <a:schemeClr val="phClr">
                <a:shade val="94000"/>
                <a:lumMod val="94000"/>
              </a:schemeClr>
            </a:gs>
          </a:gsLst>
          <a:lin ang="5400000" scaled="0"/>
        </a:gradFill>
      </a:fillStyleLst>
      <a:lnStyleLst>
        <a:ln w="12700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50800" dist="381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04000"/>
              </a:schemeClr>
            </a:gs>
            <a:gs pos="94000">
              <a:schemeClr val="phClr">
                <a:shade val="96000"/>
                <a:lumMod val="82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94000"/>
                <a:lumMod val="96000"/>
              </a:schemeClr>
            </a:gs>
          </a:gsLst>
          <a:path path="circle">
            <a:fillToRect l="50000" t="50000" r="100000" b="10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acet" id="{C0C680CD-088A-49FC-A102-D699147F32B2}" vid="{CFBC31BA-B70F-4F30-BCAA-4F3011E16C4D}"/>
    </a:ext>
  </a:extLst>
</a:theme>
</file>

<file path=ppt/theme/theme2.xml><?xml version="1.0" encoding="utf-8"?>
<a:theme xmlns:a="http://schemas.openxmlformats.org/drawingml/2006/main" name="Deloitte Brand Theme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Template STP_16-9.pptx" id="{C0F21039-52AE-4F01-834B-65E3F4945594}" vid="{04562821-814D-4FA8-B647-3203FBADB654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Deloitte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786907613342931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EBCD3C2-26E1-4749-B37E-3B38E6A7E58A}">
  <ds:schemaRefs/>
</ds:datastoreItem>
</file>

<file path=customXml/itemProps2.xml><?xml version="1.0" encoding="utf-8"?>
<ds:datastoreItem xmlns:ds="http://schemas.openxmlformats.org/officeDocument/2006/customXml" ds:itemID="{1BA1A0FF-B638-4C21-97C7-AC74F44DF38E}">
  <ds:schemaRefs/>
</ds:datastoreItem>
</file>

<file path=customXml/itemProps3.xml><?xml version="1.0" encoding="utf-8"?>
<ds:datastoreItem xmlns:ds="http://schemas.openxmlformats.org/officeDocument/2006/customXml" ds:itemID="{2EEFFAED-7F85-45FF-AD37-07C952D3EE06}">
  <ds:schemaRefs/>
</ds:datastoreItem>
</file>

<file path=customXml/itemProps4.xml><?xml version="1.0" encoding="utf-8"?>
<ds:datastoreItem xmlns:ds="http://schemas.openxmlformats.org/officeDocument/2006/customXml" ds:itemID="{73613A34-2A66-4D74-917A-E3250995B4FB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Facet</Template>
  <TotalTime>14096</TotalTime>
  <Words>1970</Words>
  <Application>Microsoft Office PowerPoint</Application>
  <PresentationFormat>Widescreen</PresentationFormat>
  <Paragraphs>153</Paragraphs>
  <Slides>14</Slides>
  <Notes>3</Notes>
  <HiddenSlides>0</HiddenSlides>
  <MMClips>0</MMClips>
  <ScaleCrop>false</ScaleCrop>
  <HeadingPairs>
    <vt:vector size="8" baseType="variant">
      <vt:variant>
        <vt:lpstr>Fonts Used</vt:lpstr>
      </vt:variant>
      <vt:variant>
        <vt:i4>9</vt:i4>
      </vt:variant>
      <vt:variant>
        <vt:lpstr>Theme</vt:lpstr>
      </vt:variant>
      <vt:variant>
        <vt:i4>2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26" baseType="lpstr">
      <vt:lpstr>Arial</vt:lpstr>
      <vt:lpstr>ArialMT</vt:lpstr>
      <vt:lpstr>Calibri</vt:lpstr>
      <vt:lpstr>Calibri Light</vt:lpstr>
      <vt:lpstr>Trebuchet MS</vt:lpstr>
      <vt:lpstr>Verdana</vt:lpstr>
      <vt:lpstr>Wingdings</vt:lpstr>
      <vt:lpstr>Wingdings 2</vt:lpstr>
      <vt:lpstr>Wingdings 3</vt:lpstr>
      <vt:lpstr>Facet</vt:lpstr>
      <vt:lpstr>Deloitte Brand Theme</vt:lpstr>
      <vt:lpstr>think-cell Slide</vt:lpstr>
      <vt:lpstr>Unindustria 11 novembre 2025</vt:lpstr>
      <vt:lpstr>Sostituzione di componenti retributive con iniziative di Welfare aziendale Analisi e Implicazioni Fiscali alla luce degli interpelli nn. 77/2025 e 195/2025</vt:lpstr>
      <vt:lpstr>MBO → Welfare aziendale (Interpello n. 77/2025)</vt:lpstr>
      <vt:lpstr>MBO → Welfare aziendale (Interpello n. 77/2025)</vt:lpstr>
      <vt:lpstr>MBO → Welfare aziendale (Interpello n. 77/2025)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Berlusconi, Antonella</dc:creator>
  <cp:lastModifiedBy>Deloitte</cp:lastModifiedBy>
  <cp:revision>68</cp:revision>
  <dcterms:created xsi:type="dcterms:W3CDTF">2022-07-21T16:11:06Z</dcterms:created>
  <dcterms:modified xsi:type="dcterms:W3CDTF">2025-11-11T11:17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1-25T17:14:35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deaa83c7-7f05-4ea9-baec-f31825758f48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imeStamp">
    <vt:lpwstr>2021-12-01T13:38:21</vt:lpwstr>
  </property>
  <property fmtid="{D5CDD505-2E9C-101B-9397-08002B2CF9AE}" pid="10" name="TemplafyTenantId">
    <vt:lpwstr>deloittecm</vt:lpwstr>
  </property>
  <property fmtid="{D5CDD505-2E9C-101B-9397-08002B2CF9AE}" pid="11" name="TemplafyTemplateId">
    <vt:lpwstr>637739627007274728</vt:lpwstr>
  </property>
  <property fmtid="{D5CDD505-2E9C-101B-9397-08002B2CF9AE}" pid="12" name="TemplafyUserProfileId">
    <vt:lpwstr>637829554317015070</vt:lpwstr>
  </property>
  <property fmtid="{D5CDD505-2E9C-101B-9397-08002B2CF9AE}" pid="13" name="TemplafyFromBlank">
    <vt:bool>true</vt:bool>
  </property>
</Properties>
</file>